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8_R8.03.04 共通二次【志願者数】\00_【原稿】\"/>
    </mc:Choice>
  </mc:AlternateContent>
  <xr:revisionPtr revIDLastSave="0" documentId="13_ncr:1_{3808007F-5EC9-4833-865B-81E8AC5E10E7}" xr6:coauthVersionLast="47" xr6:coauthVersionMax="47" xr10:uidLastSave="{00000000-0000-0000-0000-000000000000}"/>
  <bookViews>
    <workbookView xWindow="9165" yWindow="1695" windowWidth="18570" windowHeight="11355" xr2:uid="{BFB16F50-7538-45CF-B9E6-7909DDDA2B6D}"/>
  </bookViews>
  <sheets>
    <sheet name="別紙２" sheetId="1" r:id="rId1"/>
  </sheets>
  <definedNames>
    <definedName name="_xlnm.Print_Area" localSheetId="0">別紙２!$A$1:$I$15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27" uniqueCount="122">
  <si>
    <t>令和８年度神奈川県公立高等学校入学者選抜一般募集共通選抜及びインクルーシブ
教育実践推進校特別募集二次募集志願締切時志願状況
（各学校、学科別の志願の状況）</t>
    <rPh sb="28" eb="29">
      <t>オヨ</t>
    </rPh>
    <rPh sb="38" eb="40">
      <t>キョウイク</t>
    </rPh>
    <rPh sb="40" eb="41">
      <t>ジツ</t>
    </rPh>
    <rPh sb="41" eb="42">
      <t>セン</t>
    </rPh>
    <rPh sb="42" eb="44">
      <t>スイシン</t>
    </rPh>
    <rPh sb="44" eb="45">
      <t>コウ</t>
    </rPh>
    <rPh sb="45" eb="47">
      <t>トクベツ</t>
    </rPh>
    <rPh sb="47" eb="49">
      <t>ボシュウ</t>
    </rPh>
    <rPh sb="49" eb="51">
      <t>ニジ</t>
    </rPh>
    <phoneticPr fontId="2"/>
  </si>
  <si>
    <t>1　一般募集共通選抜</t>
    <phoneticPr fontId="2"/>
  </si>
  <si>
    <t>(1)</t>
    <phoneticPr fontId="2"/>
  </si>
  <si>
    <t>　全日制の課程</t>
    <rPh sb="1" eb="4">
      <t>ゼンニチセイ</t>
    </rPh>
    <rPh sb="5" eb="7">
      <t>カテイ</t>
    </rPh>
    <phoneticPr fontId="2"/>
  </si>
  <si>
    <t>ア　普通科　（クリエイティブスクールを除く。）</t>
    <rPh sb="2" eb="4">
      <t>フツウ</t>
    </rPh>
    <rPh sb="4" eb="5">
      <t>カ</t>
    </rPh>
    <rPh sb="19" eb="20">
      <t>ノゾ</t>
    </rPh>
    <phoneticPr fontId="2"/>
  </si>
  <si>
    <t xml:space="preserve"> 学 校 名</t>
    <rPh sb="1" eb="2">
      <t>ガク</t>
    </rPh>
    <rPh sb="3" eb="4">
      <t>コウ</t>
    </rPh>
    <rPh sb="5" eb="6">
      <t>ナ</t>
    </rPh>
    <phoneticPr fontId="2"/>
  </si>
  <si>
    <t xml:space="preserve"> 学 科 名</t>
    <rPh sb="1" eb="2">
      <t>ガク</t>
    </rPh>
    <rPh sb="3" eb="4">
      <t>カ</t>
    </rPh>
    <rPh sb="5" eb="6">
      <t>メイ</t>
    </rPh>
    <phoneticPr fontId="2"/>
  </si>
  <si>
    <t>二次募集
募集人員
（Ａ）</t>
    <rPh sb="0" eb="4">
      <t>ニジボシュウ</t>
    </rPh>
    <rPh sb="5" eb="7">
      <t>ボシュウ</t>
    </rPh>
    <rPh sb="7" eb="9">
      <t>ジンイン</t>
    </rPh>
    <phoneticPr fontId="2"/>
  </si>
  <si>
    <t>２月27日以降
共通選抜
入学辞退者数</t>
    <rPh sb="1" eb="2">
      <t>ガツ</t>
    </rPh>
    <rPh sb="4" eb="5">
      <t>ニチ</t>
    </rPh>
    <rPh sb="5" eb="7">
      <t>イコウ</t>
    </rPh>
    <rPh sb="8" eb="10">
      <t>キョウツウ</t>
    </rPh>
    <rPh sb="10" eb="12">
      <t>センバツ</t>
    </rPh>
    <rPh sb="13" eb="15">
      <t>ニュウガク</t>
    </rPh>
    <rPh sb="15" eb="17">
      <t>ジタイ</t>
    </rPh>
    <rPh sb="17" eb="18">
      <t>シャ</t>
    </rPh>
    <rPh sb="18" eb="19">
      <t>スウ</t>
    </rPh>
    <phoneticPr fontId="2"/>
  </si>
  <si>
    <t>３月４日
志願者数
（Ｂ）</t>
    <rPh sb="1" eb="2">
      <t>ガツ</t>
    </rPh>
    <rPh sb="3" eb="4">
      <t>ニチ</t>
    </rPh>
    <rPh sb="5" eb="8">
      <t>シガンシャ</t>
    </rPh>
    <rPh sb="8" eb="9">
      <t>スウ</t>
    </rPh>
    <phoneticPr fontId="2"/>
  </si>
  <si>
    <t>３月４日
競争率
（Ｂ／Ａ）</t>
    <rPh sb="1" eb="2">
      <t>ツキ</t>
    </rPh>
    <rPh sb="3" eb="4">
      <t>ニチ</t>
    </rPh>
    <rPh sb="5" eb="8">
      <t>キョウソウリツ</t>
    </rPh>
    <phoneticPr fontId="2"/>
  </si>
  <si>
    <t>県立白山</t>
  </si>
  <si>
    <t>普通科</t>
  </si>
  <si>
    <t>県立二俣川</t>
  </si>
  <si>
    <t>県立舞岡</t>
  </si>
  <si>
    <t>県立川崎北</t>
  </si>
  <si>
    <t>県立百合丘</t>
  </si>
  <si>
    <t>県立菅</t>
  </si>
  <si>
    <t>県立麻生</t>
  </si>
  <si>
    <t>県立寒川</t>
  </si>
  <si>
    <t>県立二宮</t>
  </si>
  <si>
    <t>県立秦野曽屋</t>
  </si>
  <si>
    <t>県立小田原東</t>
  </si>
  <si>
    <t>県立西湘</t>
  </si>
  <si>
    <t>県立足柄</t>
  </si>
  <si>
    <t>県立山北</t>
  </si>
  <si>
    <t>県立厚木西</t>
  </si>
  <si>
    <t>県立愛川</t>
  </si>
  <si>
    <t>県立大和南</t>
  </si>
  <si>
    <t>県立綾瀬西</t>
  </si>
  <si>
    <t>県立相模田名</t>
  </si>
  <si>
    <t>県立津久井</t>
  </si>
  <si>
    <t>計</t>
    <rPh sb="0" eb="1">
      <t>ケイ</t>
    </rPh>
    <phoneticPr fontId="2"/>
  </si>
  <si>
    <t>イ　普通科クリエイティブスクール</t>
    <rPh sb="2" eb="4">
      <t>フツウ</t>
    </rPh>
    <rPh sb="4" eb="5">
      <t>カ</t>
    </rPh>
    <phoneticPr fontId="2"/>
  </si>
  <si>
    <t>県立釜利谷</t>
  </si>
  <si>
    <t>普通科クリエイティブスクール</t>
  </si>
  <si>
    <t>県立横須賀南</t>
  </si>
  <si>
    <t>県立小田原北</t>
  </si>
  <si>
    <t>県立大和東</t>
  </si>
  <si>
    <t>ウ　専門学科</t>
    <rPh sb="2" eb="4">
      <t>センモン</t>
    </rPh>
    <rPh sb="4" eb="6">
      <t>ガッカ</t>
    </rPh>
    <phoneticPr fontId="2"/>
  </si>
  <si>
    <t>県立中央農業</t>
  </si>
  <si>
    <t>園芸科学科</t>
  </si>
  <si>
    <t>農業総合科</t>
  </si>
  <si>
    <t>県立商工</t>
  </si>
  <si>
    <t>総合技術科</t>
  </si>
  <si>
    <t>県立磯子工業</t>
  </si>
  <si>
    <t>機械科</t>
  </si>
  <si>
    <t>化学科</t>
  </si>
  <si>
    <t>県立向の岡工業</t>
  </si>
  <si>
    <t>建設科</t>
  </si>
  <si>
    <t>電気科</t>
  </si>
  <si>
    <t>県立横須賀工業</t>
  </si>
  <si>
    <t>県立平塚工科</t>
  </si>
  <si>
    <t>県立藤沢工科</t>
  </si>
  <si>
    <t>デザイン科</t>
  </si>
  <si>
    <t>総合ビジネス科</t>
  </si>
  <si>
    <t>県立海洋科学</t>
  </si>
  <si>
    <t>水産食品科</t>
  </si>
  <si>
    <t>生物環境科</t>
  </si>
  <si>
    <t>福祉科</t>
  </si>
  <si>
    <t>美術科</t>
  </si>
  <si>
    <t>川崎市立川崎総合科学</t>
  </si>
  <si>
    <t>情報工学科</t>
  </si>
  <si>
    <t>総合電気科</t>
  </si>
  <si>
    <t>電子機械科</t>
  </si>
  <si>
    <t>川崎市立川崎</t>
  </si>
  <si>
    <t>生活科学科</t>
  </si>
  <si>
    <t>エ　単位制普通科</t>
    <rPh sb="2" eb="5">
      <t>タンイセイ</t>
    </rPh>
    <rPh sb="5" eb="8">
      <t>フツウカ</t>
    </rPh>
    <phoneticPr fontId="2"/>
  </si>
  <si>
    <t>県立横浜緑園</t>
  </si>
  <si>
    <t>単位制普通科</t>
  </si>
  <si>
    <t>県立横浜桜陽</t>
  </si>
  <si>
    <t>県立大師</t>
  </si>
  <si>
    <t>県立三浦初声</t>
  </si>
  <si>
    <t>県立平塚湘風</t>
  </si>
  <si>
    <t>県立相模原城山</t>
  </si>
  <si>
    <t>オ　単位制普通科専門コース　　該当校なし</t>
    <rPh sb="2" eb="5">
      <t>タンイセイ</t>
    </rPh>
    <rPh sb="5" eb="8">
      <t>フツウカ</t>
    </rPh>
    <rPh sb="8" eb="10">
      <t>センモン</t>
    </rPh>
    <phoneticPr fontId="2"/>
  </si>
  <si>
    <t>カ　単位制総合学科　（クリエイティブスクールを除く。）</t>
    <rPh sb="2" eb="5">
      <t>タンイセイ</t>
    </rPh>
    <rPh sb="5" eb="7">
      <t>ソウゴウ</t>
    </rPh>
    <rPh sb="7" eb="9">
      <t>ガッカ</t>
    </rPh>
    <rPh sb="23" eb="24">
      <t>ノゾ</t>
    </rPh>
    <phoneticPr fontId="2"/>
  </si>
  <si>
    <t>県立秦野総合</t>
  </si>
  <si>
    <t>単位制総合学科</t>
  </si>
  <si>
    <t>県立座間総合</t>
  </si>
  <si>
    <t>キ　単位制総合学科クリエイティブスクール</t>
    <rPh sb="2" eb="5">
      <t>タンイセイ</t>
    </rPh>
    <rPh sb="5" eb="7">
      <t>ソウゴウ</t>
    </rPh>
    <rPh sb="7" eb="9">
      <t>ガッカ</t>
    </rPh>
    <phoneticPr fontId="2"/>
  </si>
  <si>
    <t>県立青葉総合</t>
  </si>
  <si>
    <t>単位制総合学科クリエイティブスクール</t>
  </si>
  <si>
    <t>ク　単位制専門学科</t>
    <rPh sb="2" eb="5">
      <t>タンイセイ</t>
    </rPh>
    <rPh sb="5" eb="7">
      <t>センモン</t>
    </rPh>
    <rPh sb="7" eb="9">
      <t>ガッカ</t>
    </rPh>
    <phoneticPr fontId="2"/>
  </si>
  <si>
    <t>単位制都市農業科</t>
  </si>
  <si>
    <t>県立吉田島</t>
  </si>
  <si>
    <t>単位制食品加工科</t>
  </si>
  <si>
    <t>単位制環境緑地科</t>
  </si>
  <si>
    <t>単位制生活科学科</t>
  </si>
  <si>
    <t>県立神奈川総合産業</t>
  </si>
  <si>
    <t>単位制総合産業科</t>
  </si>
  <si>
    <t>(2)</t>
    <phoneticPr fontId="2"/>
  </si>
  <si>
    <t>　定時制の課程</t>
    <rPh sb="1" eb="3">
      <t>テイジ</t>
    </rPh>
    <rPh sb="3" eb="4">
      <t>セイ</t>
    </rPh>
    <rPh sb="5" eb="7">
      <t>カテイ</t>
    </rPh>
    <phoneticPr fontId="2"/>
  </si>
  <si>
    <t>ア　普通科</t>
    <rPh sb="2" eb="4">
      <t>フツウ</t>
    </rPh>
    <rPh sb="4" eb="5">
      <t>カ</t>
    </rPh>
    <phoneticPr fontId="2"/>
  </si>
  <si>
    <t xml:space="preserve"> 学 科・部 名</t>
    <rPh sb="1" eb="2">
      <t>ガク</t>
    </rPh>
    <rPh sb="3" eb="4">
      <t>カ</t>
    </rPh>
    <rPh sb="5" eb="6">
      <t>ブ</t>
    </rPh>
    <rPh sb="7" eb="8">
      <t>メイ</t>
    </rPh>
    <phoneticPr fontId="2"/>
  </si>
  <si>
    <t>普通科昼間部</t>
  </si>
  <si>
    <t>イ　単位制普通科</t>
    <rPh sb="2" eb="5">
      <t>タンイセイ</t>
    </rPh>
    <rPh sb="5" eb="7">
      <t>フツウ</t>
    </rPh>
    <phoneticPr fontId="2"/>
  </si>
  <si>
    <t xml:space="preserve"> 学 科・部 名</t>
    <rPh sb="1" eb="2">
      <t>ガク</t>
    </rPh>
    <rPh sb="3" eb="4">
      <t>カ</t>
    </rPh>
    <rPh sb="5" eb="6">
      <t>ブ</t>
    </rPh>
    <rPh sb="7" eb="8">
      <t>ナ</t>
    </rPh>
    <phoneticPr fontId="2"/>
  </si>
  <si>
    <t>県立横浜明朋</t>
  </si>
  <si>
    <t>単位制普通科午前部</t>
  </si>
  <si>
    <t>単位制普通科午後部</t>
  </si>
  <si>
    <t>県立川崎</t>
  </si>
  <si>
    <t>県立厚木清南</t>
  </si>
  <si>
    <t>県立相模向陽館</t>
  </si>
  <si>
    <t>ウ　単位制総合学科</t>
    <rPh sb="2" eb="5">
      <t>タンイセイ</t>
    </rPh>
    <rPh sb="5" eb="7">
      <t>ソウゴウ</t>
    </rPh>
    <rPh sb="7" eb="9">
      <t>ガッカ</t>
    </rPh>
    <phoneticPr fontId="2"/>
  </si>
  <si>
    <t>横浜市立横浜総合</t>
  </si>
  <si>
    <t>単位制総合学科Ⅱ部</t>
  </si>
  <si>
    <t>単位制総合学科Ⅲ部</t>
  </si>
  <si>
    <t>※　競争率は「志願者数／募集人員」で表していますが、２月27日以降の入学辞退がある場合は、その数を含めて合格者を決定します。</t>
    <phoneticPr fontId="2"/>
  </si>
  <si>
    <t>２　インクルーシブ教育実践推進校特別募集</t>
    <phoneticPr fontId="2"/>
  </si>
  <si>
    <t>県立城郷</t>
  </si>
  <si>
    <t>県立横浜南陵</t>
  </si>
  <si>
    <t>県立保土ケ谷</t>
  </si>
  <si>
    <t>県立霧が丘</t>
  </si>
  <si>
    <t>県立上矢部</t>
  </si>
  <si>
    <t>県立上鶴間</t>
  </si>
  <si>
    <t>県立津久井浜</t>
  </si>
  <si>
    <t>県立湘南台</t>
  </si>
  <si>
    <t>県立茅ケ崎</t>
  </si>
  <si>
    <t>県立伊勢原</t>
  </si>
  <si>
    <t>県立綾瀬</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00_ "/>
    <numFmt numFmtId="178" formatCode="0_);[Red]\(0\)"/>
    <numFmt numFmtId="179" formatCode="0.00_);[Red]\(0.00\)"/>
  </numFmts>
  <fonts count="7" x14ac:knownFonts="1">
    <font>
      <sz val="11"/>
      <name val="ＭＳ Ｐゴシック"/>
      <family val="3"/>
      <charset val="128"/>
    </font>
    <font>
      <sz val="12.5"/>
      <color theme="1"/>
      <name val="ＭＳ Ｐ明朝"/>
      <family val="1"/>
      <charset val="128"/>
    </font>
    <font>
      <sz val="6"/>
      <name val="ＭＳ Ｐゴシック"/>
      <family val="3"/>
      <charset val="128"/>
    </font>
    <font>
      <sz val="11"/>
      <color theme="1"/>
      <name val="ＭＳ Ｐ明朝"/>
      <family val="1"/>
      <charset val="128"/>
    </font>
    <font>
      <sz val="9"/>
      <color theme="1"/>
      <name val="ＭＳ Ｐ明朝"/>
      <family val="1"/>
      <charset val="128"/>
    </font>
    <font>
      <b/>
      <sz val="11"/>
      <color theme="1"/>
      <name val="ＭＳ Ｐ明朝"/>
      <family val="1"/>
      <charset val="128"/>
    </font>
    <font>
      <sz val="10"/>
      <color theme="1"/>
      <name val="ＭＳ Ｐ明朝"/>
      <family val="1"/>
      <charset val="128"/>
    </font>
  </fonts>
  <fills count="2">
    <fill>
      <patternFill patternType="none"/>
    </fill>
    <fill>
      <patternFill patternType="gray125"/>
    </fill>
  </fills>
  <borders count="2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thin">
        <color indexed="64"/>
      </top>
      <bottom/>
      <diagonal/>
    </border>
    <border>
      <left style="thin">
        <color indexed="64"/>
      </left>
      <right/>
      <top/>
      <bottom style="hair">
        <color indexed="64"/>
      </bottom>
      <diagonal/>
    </border>
    <border>
      <left/>
      <right/>
      <top/>
      <bottom style="hair">
        <color indexed="64"/>
      </bottom>
      <diagonal/>
    </border>
    <border>
      <left style="thin">
        <color indexed="64"/>
      </left>
      <right style="thin">
        <color indexed="64"/>
      </right>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bottom style="hair">
        <color indexed="64"/>
      </bottom>
      <diagonal/>
    </border>
    <border>
      <left/>
      <right style="thin">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bottom/>
      <diagonal/>
    </border>
  </borders>
  <cellStyleXfs count="1">
    <xf numFmtId="0" fontId="0" fillId="0" borderId="0"/>
  </cellStyleXfs>
  <cellXfs count="84">
    <xf numFmtId="0" fontId="0" fillId="0" borderId="0" xfId="0"/>
    <xf numFmtId="0" fontId="3" fillId="0" borderId="0" xfId="0" applyFont="1" applyAlignment="1">
      <alignment vertical="center"/>
    </xf>
    <xf numFmtId="0" fontId="3" fillId="0" borderId="0" xfId="0" quotePrefix="1" applyFont="1" applyAlignment="1">
      <alignment vertical="center"/>
    </xf>
    <xf numFmtId="0" fontId="3" fillId="0" borderId="0" xfId="0" applyFont="1" applyAlignment="1">
      <alignment horizontal="left" vertical="center"/>
    </xf>
    <xf numFmtId="0" fontId="3" fillId="0" borderId="0" xfId="0" quotePrefix="1" applyFont="1" applyAlignment="1">
      <alignment horizontal="left" vertical="center"/>
    </xf>
    <xf numFmtId="0" fontId="3" fillId="0" borderId="0" xfId="0" quotePrefix="1" applyFont="1" applyAlignment="1">
      <alignment horizontal="center"/>
    </xf>
    <xf numFmtId="0" fontId="3" fillId="0" borderId="0" xfId="0" applyFont="1"/>
    <xf numFmtId="0" fontId="3" fillId="0" borderId="1" xfId="0" applyFont="1" applyBorder="1" applyAlignment="1">
      <alignment vertical="center"/>
    </xf>
    <xf numFmtId="0" fontId="3" fillId="0" borderId="2"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horizontal="center" vertical="center" wrapText="1"/>
    </xf>
    <xf numFmtId="0" fontId="4" fillId="0" borderId="4" xfId="0" applyFont="1" applyBorder="1" applyAlignment="1">
      <alignment horizontal="center" vertical="center" wrapText="1"/>
    </xf>
    <xf numFmtId="0" fontId="3" fillId="0" borderId="5" xfId="0" applyFont="1" applyBorder="1" applyAlignment="1">
      <alignment vertical="center"/>
    </xf>
    <xf numFmtId="0" fontId="3" fillId="0" borderId="6" xfId="0" applyFont="1" applyBorder="1" applyAlignment="1">
      <alignment vertical="center"/>
    </xf>
    <xf numFmtId="176" fontId="3" fillId="0" borderId="7" xfId="0" applyNumberFormat="1" applyFont="1" applyBorder="1"/>
    <xf numFmtId="177" fontId="3" fillId="0" borderId="7" xfId="0" applyNumberFormat="1" applyFont="1" applyBorder="1" applyAlignment="1">
      <alignment horizontal="right"/>
    </xf>
    <xf numFmtId="0" fontId="3" fillId="0" borderId="8" xfId="0" applyFont="1" applyBorder="1" applyAlignment="1">
      <alignment vertical="center"/>
    </xf>
    <xf numFmtId="0" fontId="3" fillId="0" borderId="9" xfId="0" applyFont="1" applyBorder="1" applyAlignment="1">
      <alignment vertical="center"/>
    </xf>
    <xf numFmtId="176" fontId="3" fillId="0" borderId="10" xfId="0" applyNumberFormat="1" applyFont="1" applyBorder="1"/>
    <xf numFmtId="177" fontId="3" fillId="0" borderId="10" xfId="0" applyNumberFormat="1" applyFont="1" applyBorder="1" applyAlignment="1">
      <alignment horizontal="right"/>
    </xf>
    <xf numFmtId="176" fontId="5" fillId="0" borderId="4" xfId="0" applyNumberFormat="1" applyFont="1" applyBorder="1" applyAlignment="1">
      <alignment vertical="center"/>
    </xf>
    <xf numFmtId="177" fontId="5" fillId="0" borderId="4" xfId="0" applyNumberFormat="1" applyFont="1" applyBorder="1" applyAlignment="1">
      <alignment horizontal="right" vertical="center"/>
    </xf>
    <xf numFmtId="0" fontId="6" fillId="0" borderId="0" xfId="0" applyFont="1"/>
    <xf numFmtId="176" fontId="3" fillId="0" borderId="0" xfId="0" applyNumberFormat="1" applyFont="1"/>
    <xf numFmtId="178" fontId="3" fillId="0" borderId="7" xfId="0" applyNumberFormat="1" applyFont="1" applyBorder="1" applyAlignment="1">
      <alignment vertical="center"/>
    </xf>
    <xf numFmtId="179" fontId="3" fillId="0" borderId="7" xfId="0" applyNumberFormat="1" applyFont="1" applyBorder="1" applyAlignment="1">
      <alignment horizontal="right"/>
    </xf>
    <xf numFmtId="0" fontId="3" fillId="0" borderId="11" xfId="0" applyFont="1" applyBorder="1" applyAlignment="1">
      <alignment vertical="center"/>
    </xf>
    <xf numFmtId="178" fontId="3" fillId="0" borderId="10" xfId="0" applyNumberFormat="1" applyFont="1" applyBorder="1" applyAlignment="1">
      <alignment vertical="center"/>
    </xf>
    <xf numFmtId="179" fontId="3" fillId="0" borderId="10" xfId="0" applyNumberFormat="1" applyFont="1" applyBorder="1" applyAlignment="1">
      <alignment horizontal="right"/>
    </xf>
    <xf numFmtId="0" fontId="3" fillId="0" borderId="11" xfId="0" applyFont="1" applyBorder="1"/>
    <xf numFmtId="0" fontId="3" fillId="0" borderId="9" xfId="0" applyFont="1" applyBorder="1"/>
    <xf numFmtId="178" fontId="3" fillId="0" borderId="10" xfId="0" applyNumberFormat="1" applyFont="1" applyBorder="1"/>
    <xf numFmtId="0" fontId="5" fillId="0" borderId="0" xfId="0" applyFont="1" applyAlignment="1">
      <alignment horizontal="center"/>
    </xf>
    <xf numFmtId="0" fontId="3" fillId="0" borderId="12" xfId="0" applyFont="1" applyBorder="1" applyAlignment="1">
      <alignment vertical="center"/>
    </xf>
    <xf numFmtId="0" fontId="3" fillId="0" borderId="13" xfId="0" applyFont="1" applyBorder="1"/>
    <xf numFmtId="0" fontId="3" fillId="0" borderId="14" xfId="0" applyFont="1" applyBorder="1"/>
    <xf numFmtId="176" fontId="3" fillId="0" borderId="15" xfId="0" applyNumberFormat="1" applyFont="1" applyBorder="1"/>
    <xf numFmtId="0" fontId="3" fillId="0" borderId="5" xfId="0" applyFont="1" applyBorder="1"/>
    <xf numFmtId="0" fontId="3" fillId="0" borderId="6" xfId="0" applyFont="1" applyBorder="1"/>
    <xf numFmtId="0" fontId="5" fillId="0" borderId="0" xfId="0" applyFont="1" applyAlignment="1">
      <alignment horizontal="center" vertical="center"/>
    </xf>
    <xf numFmtId="176" fontId="5" fillId="0" borderId="0" xfId="0" applyNumberFormat="1" applyFont="1" applyAlignment="1">
      <alignment vertical="center"/>
    </xf>
    <xf numFmtId="177" fontId="5" fillId="0" borderId="0" xfId="0" applyNumberFormat="1" applyFont="1" applyAlignment="1">
      <alignment vertical="center"/>
    </xf>
    <xf numFmtId="0" fontId="3" fillId="0" borderId="16" xfId="0" applyFont="1" applyBorder="1" applyAlignment="1">
      <alignment shrinkToFit="1"/>
    </xf>
    <xf numFmtId="0" fontId="3" fillId="0" borderId="17" xfId="0" applyFont="1" applyBorder="1"/>
    <xf numFmtId="0" fontId="3" fillId="0" borderId="18" xfId="0" applyFont="1" applyBorder="1"/>
    <xf numFmtId="176" fontId="3" fillId="0" borderId="19" xfId="0" applyNumberFormat="1" applyFont="1" applyBorder="1"/>
    <xf numFmtId="177" fontId="3" fillId="0" borderId="19" xfId="0" applyNumberFormat="1" applyFont="1" applyBorder="1" applyAlignment="1">
      <alignment horizontal="right"/>
    </xf>
    <xf numFmtId="0" fontId="3" fillId="0" borderId="1" xfId="0" applyFont="1" applyBorder="1"/>
    <xf numFmtId="0" fontId="3" fillId="0" borderId="2" xfId="0" applyFont="1" applyBorder="1"/>
    <xf numFmtId="0" fontId="3" fillId="0" borderId="3" xfId="0" applyFont="1" applyBorder="1" applyAlignment="1">
      <alignment shrinkToFit="1"/>
    </xf>
    <xf numFmtId="176" fontId="3" fillId="0" borderId="4" xfId="0" applyNumberFormat="1" applyFont="1" applyBorder="1"/>
    <xf numFmtId="177" fontId="3" fillId="0" borderId="4" xfId="0" applyNumberFormat="1" applyFont="1" applyBorder="1" applyAlignment="1">
      <alignment horizontal="right"/>
    </xf>
    <xf numFmtId="0" fontId="3" fillId="0" borderId="20" xfId="0" applyFont="1" applyBorder="1" applyAlignment="1">
      <alignment shrinkToFit="1"/>
    </xf>
    <xf numFmtId="0" fontId="3" fillId="0" borderId="17" xfId="0" applyFont="1" applyBorder="1" applyAlignment="1">
      <alignment vertical="center"/>
    </xf>
    <xf numFmtId="0" fontId="3" fillId="0" borderId="18" xfId="0" applyFont="1" applyBorder="1" applyAlignment="1">
      <alignment horizontal="left"/>
    </xf>
    <xf numFmtId="0" fontId="3" fillId="0" borderId="21" xfId="0" applyFont="1" applyBorder="1" applyAlignment="1">
      <alignment horizontal="left" shrinkToFit="1"/>
    </xf>
    <xf numFmtId="176" fontId="5" fillId="0" borderId="25" xfId="0" applyNumberFormat="1" applyFont="1" applyBorder="1" applyAlignment="1">
      <alignment vertical="center"/>
    </xf>
    <xf numFmtId="177" fontId="5" fillId="0" borderId="25" xfId="0" applyNumberFormat="1" applyFont="1" applyBorder="1" applyAlignment="1">
      <alignment horizontal="right" vertical="center"/>
    </xf>
    <xf numFmtId="176" fontId="3" fillId="0" borderId="4" xfId="0" applyNumberFormat="1" applyFont="1" applyBorder="1" applyAlignment="1">
      <alignment horizontal="right"/>
    </xf>
    <xf numFmtId="176" fontId="3" fillId="0" borderId="10" xfId="0" applyNumberFormat="1" applyFont="1" applyBorder="1" applyAlignment="1">
      <alignment vertical="center"/>
    </xf>
    <xf numFmtId="177" fontId="3" fillId="0" borderId="10" xfId="0" applyNumberFormat="1" applyFont="1" applyBorder="1" applyAlignment="1">
      <alignment horizontal="right" vertical="center"/>
    </xf>
    <xf numFmtId="0" fontId="3" fillId="0" borderId="26" xfId="0" applyFont="1" applyBorder="1" applyAlignment="1">
      <alignment vertical="center"/>
    </xf>
    <xf numFmtId="176" fontId="3" fillId="0" borderId="27" xfId="0" applyNumberFormat="1" applyFont="1" applyBorder="1" applyAlignment="1">
      <alignment vertical="center"/>
    </xf>
    <xf numFmtId="176" fontId="3" fillId="0" borderId="28" xfId="0" applyNumberFormat="1" applyFont="1" applyBorder="1" applyAlignment="1">
      <alignment vertical="center"/>
    </xf>
    <xf numFmtId="176" fontId="3" fillId="0" borderId="0" xfId="0" applyNumberFormat="1" applyFont="1" applyAlignment="1">
      <alignment vertical="center"/>
    </xf>
    <xf numFmtId="177" fontId="3" fillId="0" borderId="0" xfId="0" applyNumberFormat="1" applyFont="1" applyAlignment="1">
      <alignment horizontal="right" vertical="center"/>
    </xf>
    <xf numFmtId="0" fontId="3" fillId="0" borderId="13" xfId="0" applyFont="1" applyBorder="1" applyAlignment="1">
      <alignment vertical="center"/>
    </xf>
    <xf numFmtId="0" fontId="3" fillId="0" borderId="14" xfId="0" applyFont="1" applyBorder="1" applyAlignment="1">
      <alignment vertical="center"/>
    </xf>
    <xf numFmtId="176" fontId="3" fillId="0" borderId="15" xfId="0" applyNumberFormat="1" applyFont="1" applyBorder="1" applyAlignment="1">
      <alignment horizontal="right"/>
    </xf>
    <xf numFmtId="176" fontId="3" fillId="0" borderId="10" xfId="0" applyNumberFormat="1" applyFont="1" applyBorder="1" applyAlignment="1">
      <alignment horizontal="right"/>
    </xf>
    <xf numFmtId="0" fontId="3" fillId="0" borderId="18" xfId="0" applyFont="1" applyBorder="1" applyAlignment="1">
      <alignment vertical="center"/>
    </xf>
    <xf numFmtId="176" fontId="3" fillId="0" borderId="19" xfId="0" applyNumberFormat="1" applyFont="1" applyBorder="1" applyAlignment="1">
      <alignment horizontal="right"/>
    </xf>
    <xf numFmtId="176" fontId="3" fillId="0" borderId="0" xfId="0" applyNumberFormat="1" applyFont="1" applyAlignment="1">
      <alignment horizontal="right"/>
    </xf>
    <xf numFmtId="177" fontId="3" fillId="0" borderId="0" xfId="0" applyNumberFormat="1" applyFont="1"/>
    <xf numFmtId="0" fontId="6" fillId="0" borderId="0" xfId="0" applyFont="1" applyAlignment="1">
      <alignment vertical="center"/>
    </xf>
    <xf numFmtId="0" fontId="5" fillId="0" borderId="22" xfId="0" applyFont="1" applyBorder="1" applyAlignment="1">
      <alignment horizontal="center" vertical="center"/>
    </xf>
    <xf numFmtId="0" fontId="5" fillId="0" borderId="23" xfId="0" applyFont="1" applyBorder="1" applyAlignment="1">
      <alignment horizontal="center" vertical="center"/>
    </xf>
    <xf numFmtId="0" fontId="5" fillId="0" borderId="24" xfId="0" applyFont="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6" fillId="0" borderId="0" xfId="0" applyFont="1" applyAlignment="1">
      <alignment horizontal="left" vertical="center"/>
    </xf>
    <xf numFmtId="0" fontId="1" fillId="0" borderId="0" xfId="0" applyFont="1" applyAlignment="1">
      <alignment horizontal="left" vertical="center" wrapText="1"/>
    </xf>
    <xf numFmtId="0" fontId="1"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801177</xdr:colOff>
      <xdr:row>0</xdr:row>
      <xdr:rowOff>34925</xdr:rowOff>
    </xdr:from>
    <xdr:to>
      <xdr:col>7</xdr:col>
      <xdr:colOff>908556</xdr:colOff>
      <xdr:row>0</xdr:row>
      <xdr:rowOff>422275</xdr:rowOff>
    </xdr:to>
    <xdr:sp macro="" textlink="">
      <xdr:nvSpPr>
        <xdr:cNvPr id="2" name="テキスト ボックス 1">
          <a:extLst>
            <a:ext uri="{FF2B5EF4-FFF2-40B4-BE49-F238E27FC236}">
              <a16:creationId xmlns:a16="http://schemas.microsoft.com/office/drawing/2014/main" id="{FC3C60D2-0234-4923-8AE6-CE8E4E01801F}"/>
            </a:ext>
          </a:extLst>
        </xdr:cNvPr>
        <xdr:cNvSpPr txBox="1"/>
      </xdr:nvSpPr>
      <xdr:spPr>
        <a:xfrm>
          <a:off x="7268652" y="34925"/>
          <a:ext cx="1155129" cy="38735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97D9C5-5073-4541-BD03-26431EA71F8F}">
  <dimension ref="A1:H152"/>
  <sheetViews>
    <sheetView tabSelected="1" view="pageBreakPreview" zoomScaleNormal="100" zoomScaleSheetLayoutView="100" workbookViewId="0">
      <selection sqref="A1:G1"/>
    </sheetView>
  </sheetViews>
  <sheetFormatPr defaultColWidth="9" defaultRowHeight="13.5" x14ac:dyDescent="0.15"/>
  <cols>
    <col min="1" max="1" width="3.125" style="1" customWidth="1"/>
    <col min="2" max="2" width="21.25" style="1" customWidth="1"/>
    <col min="3" max="3" width="27.875" style="1" customWidth="1"/>
    <col min="4" max="4" width="5.125" style="1" customWidth="1"/>
    <col min="5" max="8" width="13.75" style="1" customWidth="1"/>
    <col min="9" max="9" width="2.25" style="1" customWidth="1"/>
    <col min="10" max="16384" width="9" style="1"/>
  </cols>
  <sheetData>
    <row r="1" spans="1:8" ht="51.75" customHeight="1" x14ac:dyDescent="0.15">
      <c r="A1" s="82" t="s">
        <v>0</v>
      </c>
      <c r="B1" s="83"/>
      <c r="C1" s="83"/>
      <c r="D1" s="83"/>
      <c r="E1" s="83"/>
      <c r="F1" s="83"/>
      <c r="G1" s="83"/>
    </row>
    <row r="2" spans="1:8" ht="6.75" customHeight="1" x14ac:dyDescent="0.15">
      <c r="A2" s="2"/>
      <c r="C2" s="3"/>
    </row>
    <row r="3" spans="1:8" ht="21" customHeight="1" x14ac:dyDescent="0.15">
      <c r="A3" s="4" t="s">
        <v>1</v>
      </c>
    </row>
    <row r="4" spans="1:8" s="6" customFormat="1" ht="15" customHeight="1" x14ac:dyDescent="0.15">
      <c r="A4" s="5" t="s">
        <v>2</v>
      </c>
      <c r="B4" s="6" t="s">
        <v>3</v>
      </c>
    </row>
    <row r="5" spans="1:8" s="6" customFormat="1" ht="15" customHeight="1" x14ac:dyDescent="0.15">
      <c r="A5" s="5"/>
      <c r="B5" s="6" t="s">
        <v>4</v>
      </c>
    </row>
    <row r="6" spans="1:8" s="6" customFormat="1" ht="42.75" customHeight="1" x14ac:dyDescent="0.15">
      <c r="B6" s="7" t="s">
        <v>5</v>
      </c>
      <c r="C6" s="8" t="s">
        <v>6</v>
      </c>
      <c r="D6" s="9"/>
      <c r="E6" s="10" t="s">
        <v>7</v>
      </c>
      <c r="F6" s="11" t="s">
        <v>8</v>
      </c>
      <c r="G6" s="10" t="s">
        <v>9</v>
      </c>
      <c r="H6" s="10" t="s">
        <v>10</v>
      </c>
    </row>
    <row r="7" spans="1:8" s="6" customFormat="1" x14ac:dyDescent="0.15">
      <c r="B7" s="12" t="s">
        <v>11</v>
      </c>
      <c r="C7" s="13" t="s">
        <v>12</v>
      </c>
      <c r="D7" s="13"/>
      <c r="E7" s="14">
        <v>17</v>
      </c>
      <c r="F7" s="14">
        <v>0</v>
      </c>
      <c r="G7" s="14">
        <v>6</v>
      </c>
      <c r="H7" s="15">
        <v>0.35</v>
      </c>
    </row>
    <row r="8" spans="1:8" s="6" customFormat="1" x14ac:dyDescent="0.15">
      <c r="B8" s="16" t="s">
        <v>13</v>
      </c>
      <c r="C8" s="17" t="s">
        <v>12</v>
      </c>
      <c r="D8" s="17"/>
      <c r="E8" s="18">
        <v>27</v>
      </c>
      <c r="F8" s="18">
        <v>0</v>
      </c>
      <c r="G8" s="18">
        <v>5</v>
      </c>
      <c r="H8" s="19">
        <v>0.19</v>
      </c>
    </row>
    <row r="9" spans="1:8" s="6" customFormat="1" x14ac:dyDescent="0.15">
      <c r="B9" s="16" t="s">
        <v>14</v>
      </c>
      <c r="C9" s="17" t="s">
        <v>12</v>
      </c>
      <c r="D9" s="17"/>
      <c r="E9" s="18">
        <v>2</v>
      </c>
      <c r="F9" s="18">
        <v>2</v>
      </c>
      <c r="G9" s="18">
        <v>3</v>
      </c>
      <c r="H9" s="19">
        <v>1.5</v>
      </c>
    </row>
    <row r="10" spans="1:8" s="6" customFormat="1" x14ac:dyDescent="0.15">
      <c r="B10" s="16" t="s">
        <v>15</v>
      </c>
      <c r="C10" s="17" t="s">
        <v>12</v>
      </c>
      <c r="D10" s="17"/>
      <c r="E10" s="18">
        <v>27</v>
      </c>
      <c r="F10" s="18">
        <v>1</v>
      </c>
      <c r="G10" s="18">
        <v>8</v>
      </c>
      <c r="H10" s="19">
        <v>0.3</v>
      </c>
    </row>
    <row r="11" spans="1:8" s="6" customFormat="1" x14ac:dyDescent="0.15">
      <c r="B11" s="16" t="s">
        <v>16</v>
      </c>
      <c r="C11" s="17" t="s">
        <v>12</v>
      </c>
      <c r="D11" s="17"/>
      <c r="E11" s="18">
        <v>20</v>
      </c>
      <c r="F11" s="18">
        <v>0</v>
      </c>
      <c r="G11" s="18">
        <v>2</v>
      </c>
      <c r="H11" s="19">
        <v>0.1</v>
      </c>
    </row>
    <row r="12" spans="1:8" s="6" customFormat="1" x14ac:dyDescent="0.15">
      <c r="B12" s="16" t="s">
        <v>17</v>
      </c>
      <c r="C12" s="17" t="s">
        <v>12</v>
      </c>
      <c r="D12" s="17"/>
      <c r="E12" s="18">
        <v>117</v>
      </c>
      <c r="F12" s="18">
        <v>0</v>
      </c>
      <c r="G12" s="18">
        <v>4</v>
      </c>
      <c r="H12" s="19">
        <v>0.03</v>
      </c>
    </row>
    <row r="13" spans="1:8" s="6" customFormat="1" x14ac:dyDescent="0.15">
      <c r="B13" s="16" t="s">
        <v>18</v>
      </c>
      <c r="C13" s="17" t="s">
        <v>12</v>
      </c>
      <c r="D13" s="17"/>
      <c r="E13" s="18">
        <v>10</v>
      </c>
      <c r="F13" s="18">
        <v>0</v>
      </c>
      <c r="G13" s="18">
        <v>2</v>
      </c>
      <c r="H13" s="19">
        <v>0.2</v>
      </c>
    </row>
    <row r="14" spans="1:8" s="6" customFormat="1" x14ac:dyDescent="0.15">
      <c r="B14" s="16" t="s">
        <v>19</v>
      </c>
      <c r="C14" s="17" t="s">
        <v>12</v>
      </c>
      <c r="D14" s="17"/>
      <c r="E14" s="18">
        <v>108</v>
      </c>
      <c r="F14" s="18">
        <v>0</v>
      </c>
      <c r="G14" s="18">
        <v>2</v>
      </c>
      <c r="H14" s="19">
        <v>0.02</v>
      </c>
    </row>
    <row r="15" spans="1:8" s="6" customFormat="1" x14ac:dyDescent="0.15">
      <c r="B15" s="16" t="s">
        <v>20</v>
      </c>
      <c r="C15" s="17" t="s">
        <v>12</v>
      </c>
      <c r="D15" s="17"/>
      <c r="E15" s="18">
        <v>156</v>
      </c>
      <c r="F15" s="18">
        <v>0</v>
      </c>
      <c r="G15" s="18">
        <v>1</v>
      </c>
      <c r="H15" s="19">
        <v>0.01</v>
      </c>
    </row>
    <row r="16" spans="1:8" s="6" customFormat="1" x14ac:dyDescent="0.15">
      <c r="B16" s="16" t="s">
        <v>21</v>
      </c>
      <c r="C16" s="17" t="s">
        <v>12</v>
      </c>
      <c r="D16" s="17"/>
      <c r="E16" s="18">
        <v>31</v>
      </c>
      <c r="F16" s="18">
        <v>0</v>
      </c>
      <c r="G16" s="18">
        <v>5</v>
      </c>
      <c r="H16" s="19">
        <v>0.16</v>
      </c>
    </row>
    <row r="17" spans="1:8" s="6" customFormat="1" x14ac:dyDescent="0.15">
      <c r="B17" s="16" t="s">
        <v>22</v>
      </c>
      <c r="C17" s="17" t="s">
        <v>12</v>
      </c>
      <c r="D17" s="17"/>
      <c r="E17" s="18">
        <v>51</v>
      </c>
      <c r="F17" s="18">
        <v>0</v>
      </c>
      <c r="G17" s="18">
        <v>0</v>
      </c>
      <c r="H17" s="19" t="s">
        <v>121</v>
      </c>
    </row>
    <row r="18" spans="1:8" s="6" customFormat="1" x14ac:dyDescent="0.15">
      <c r="B18" s="16" t="s">
        <v>23</v>
      </c>
      <c r="C18" s="17" t="s">
        <v>12</v>
      </c>
      <c r="D18" s="17"/>
      <c r="E18" s="18">
        <v>10</v>
      </c>
      <c r="F18" s="18">
        <v>1</v>
      </c>
      <c r="G18" s="18">
        <v>5</v>
      </c>
      <c r="H18" s="19">
        <v>0.5</v>
      </c>
    </row>
    <row r="19" spans="1:8" s="6" customFormat="1" x14ac:dyDescent="0.15">
      <c r="B19" s="16" t="s">
        <v>24</v>
      </c>
      <c r="C19" s="17" t="s">
        <v>12</v>
      </c>
      <c r="D19" s="17"/>
      <c r="E19" s="18">
        <v>1</v>
      </c>
      <c r="F19" s="18">
        <v>0</v>
      </c>
      <c r="G19" s="18">
        <v>0</v>
      </c>
      <c r="H19" s="19" t="s">
        <v>121</v>
      </c>
    </row>
    <row r="20" spans="1:8" s="6" customFormat="1" x14ac:dyDescent="0.15">
      <c r="B20" s="16" t="s">
        <v>25</v>
      </c>
      <c r="C20" s="17" t="s">
        <v>12</v>
      </c>
      <c r="D20" s="17"/>
      <c r="E20" s="18">
        <v>45</v>
      </c>
      <c r="F20" s="18">
        <v>0</v>
      </c>
      <c r="G20" s="18">
        <v>5</v>
      </c>
      <c r="H20" s="19">
        <v>0.11</v>
      </c>
    </row>
    <row r="21" spans="1:8" s="6" customFormat="1" x14ac:dyDescent="0.15">
      <c r="B21" s="16" t="s">
        <v>26</v>
      </c>
      <c r="C21" s="17" t="s">
        <v>12</v>
      </c>
      <c r="D21" s="17"/>
      <c r="E21" s="18">
        <v>35</v>
      </c>
      <c r="F21" s="18">
        <v>0</v>
      </c>
      <c r="G21" s="18">
        <v>5</v>
      </c>
      <c r="H21" s="19">
        <v>0.14000000000000001</v>
      </c>
    </row>
    <row r="22" spans="1:8" s="6" customFormat="1" x14ac:dyDescent="0.15">
      <c r="B22" s="16" t="s">
        <v>27</v>
      </c>
      <c r="C22" s="17" t="s">
        <v>12</v>
      </c>
      <c r="D22" s="17"/>
      <c r="E22" s="18">
        <v>83</v>
      </c>
      <c r="F22" s="18">
        <v>0</v>
      </c>
      <c r="G22" s="18">
        <v>6</v>
      </c>
      <c r="H22" s="19">
        <v>7.0000000000000007E-2</v>
      </c>
    </row>
    <row r="23" spans="1:8" s="6" customFormat="1" x14ac:dyDescent="0.15">
      <c r="B23" s="16" t="s">
        <v>28</v>
      </c>
      <c r="C23" s="17" t="s">
        <v>12</v>
      </c>
      <c r="D23" s="17"/>
      <c r="E23" s="18">
        <v>1</v>
      </c>
      <c r="F23" s="18">
        <v>0</v>
      </c>
      <c r="G23" s="18">
        <v>0</v>
      </c>
      <c r="H23" s="19" t="s">
        <v>121</v>
      </c>
    </row>
    <row r="24" spans="1:8" s="6" customFormat="1" x14ac:dyDescent="0.15">
      <c r="B24" s="16" t="s">
        <v>29</v>
      </c>
      <c r="C24" s="17" t="s">
        <v>12</v>
      </c>
      <c r="D24" s="17"/>
      <c r="E24" s="18">
        <v>32</v>
      </c>
      <c r="F24" s="18">
        <v>0</v>
      </c>
      <c r="G24" s="18">
        <v>6</v>
      </c>
      <c r="H24" s="19">
        <v>0.19</v>
      </c>
    </row>
    <row r="25" spans="1:8" s="6" customFormat="1" x14ac:dyDescent="0.15">
      <c r="B25" s="16" t="s">
        <v>30</v>
      </c>
      <c r="C25" s="17" t="s">
        <v>12</v>
      </c>
      <c r="D25" s="17"/>
      <c r="E25" s="18">
        <v>12</v>
      </c>
      <c r="F25" s="18">
        <v>0</v>
      </c>
      <c r="G25" s="18">
        <v>8</v>
      </c>
      <c r="H25" s="19">
        <v>0.67</v>
      </c>
    </row>
    <row r="26" spans="1:8" s="6" customFormat="1" x14ac:dyDescent="0.15">
      <c r="B26" s="16" t="s">
        <v>31</v>
      </c>
      <c r="C26" s="17" t="s">
        <v>12</v>
      </c>
      <c r="D26" s="17"/>
      <c r="E26" s="18">
        <v>99</v>
      </c>
      <c r="F26" s="18">
        <v>0</v>
      </c>
      <c r="G26" s="18">
        <v>2</v>
      </c>
      <c r="H26" s="19">
        <v>0.02</v>
      </c>
    </row>
    <row r="27" spans="1:8" s="6" customFormat="1" ht="15" customHeight="1" x14ac:dyDescent="0.15">
      <c r="B27" s="78" t="s">
        <v>32</v>
      </c>
      <c r="C27" s="79"/>
      <c r="D27" s="80"/>
      <c r="E27" s="20">
        <v>884</v>
      </c>
      <c r="F27" s="20">
        <v>4</v>
      </c>
      <c r="G27" s="20">
        <v>75</v>
      </c>
      <c r="H27" s="21">
        <v>0.08</v>
      </c>
    </row>
    <row r="28" spans="1:8" s="6" customFormat="1" ht="5.25" customHeight="1" x14ac:dyDescent="0.15">
      <c r="B28" s="22"/>
      <c r="E28" s="23"/>
      <c r="F28" s="23"/>
      <c r="G28" s="23"/>
    </row>
    <row r="29" spans="1:8" s="6" customFormat="1" ht="5.25" customHeight="1" x14ac:dyDescent="0.15">
      <c r="E29" s="23"/>
      <c r="F29" s="23"/>
      <c r="G29" s="23"/>
    </row>
    <row r="30" spans="1:8" s="6" customFormat="1" ht="15" customHeight="1" x14ac:dyDescent="0.15">
      <c r="A30" s="5"/>
      <c r="B30" s="6" t="s">
        <v>33</v>
      </c>
    </row>
    <row r="31" spans="1:8" s="6" customFormat="1" ht="42" customHeight="1" x14ac:dyDescent="0.15">
      <c r="B31" s="7" t="s">
        <v>5</v>
      </c>
      <c r="C31" s="8" t="s">
        <v>6</v>
      </c>
      <c r="D31" s="9"/>
      <c r="E31" s="10" t="s">
        <v>7</v>
      </c>
      <c r="F31" s="11" t="s">
        <v>8</v>
      </c>
      <c r="G31" s="10" t="s">
        <v>9</v>
      </c>
      <c r="H31" s="10" t="s">
        <v>10</v>
      </c>
    </row>
    <row r="32" spans="1:8" s="6" customFormat="1" ht="13.5" customHeight="1" x14ac:dyDescent="0.15">
      <c r="B32" s="12" t="s">
        <v>34</v>
      </c>
      <c r="C32" s="13" t="s">
        <v>35</v>
      </c>
      <c r="D32" s="13"/>
      <c r="E32" s="24">
        <v>127</v>
      </c>
      <c r="F32" s="24">
        <v>0</v>
      </c>
      <c r="G32" s="24">
        <v>3</v>
      </c>
      <c r="H32" s="25">
        <v>0.02</v>
      </c>
    </row>
    <row r="33" spans="1:8" s="6" customFormat="1" ht="13.5" customHeight="1" x14ac:dyDescent="0.15">
      <c r="B33" s="26" t="s">
        <v>36</v>
      </c>
      <c r="C33" s="17" t="s">
        <v>35</v>
      </c>
      <c r="D33" s="17"/>
      <c r="E33" s="27">
        <v>3</v>
      </c>
      <c r="F33" s="27">
        <v>0</v>
      </c>
      <c r="G33" s="27">
        <v>0</v>
      </c>
      <c r="H33" s="28" t="s">
        <v>121</v>
      </c>
    </row>
    <row r="34" spans="1:8" s="6" customFormat="1" ht="13.5" customHeight="1" x14ac:dyDescent="0.15">
      <c r="B34" s="26" t="s">
        <v>37</v>
      </c>
      <c r="C34" s="17" t="s">
        <v>35</v>
      </c>
      <c r="D34" s="17"/>
      <c r="E34" s="27">
        <v>5</v>
      </c>
      <c r="F34" s="27">
        <v>1</v>
      </c>
      <c r="G34" s="27">
        <v>0</v>
      </c>
      <c r="H34" s="28" t="s">
        <v>121</v>
      </c>
    </row>
    <row r="35" spans="1:8" s="6" customFormat="1" x14ac:dyDescent="0.15">
      <c r="B35" s="29" t="s">
        <v>38</v>
      </c>
      <c r="C35" s="30" t="s">
        <v>35</v>
      </c>
      <c r="D35" s="30"/>
      <c r="E35" s="31">
        <v>17</v>
      </c>
      <c r="F35" s="31">
        <v>0</v>
      </c>
      <c r="G35" s="31">
        <v>3</v>
      </c>
      <c r="H35" s="19">
        <v>0.18</v>
      </c>
    </row>
    <row r="36" spans="1:8" s="6" customFormat="1" ht="15" customHeight="1" x14ac:dyDescent="0.15">
      <c r="B36" s="78" t="s">
        <v>32</v>
      </c>
      <c r="C36" s="79"/>
      <c r="D36" s="80"/>
      <c r="E36" s="20">
        <v>152</v>
      </c>
      <c r="F36" s="20">
        <v>1</v>
      </c>
      <c r="G36" s="20">
        <v>6</v>
      </c>
      <c r="H36" s="21">
        <v>0.04</v>
      </c>
    </row>
    <row r="37" spans="1:8" ht="5.25" customHeight="1" x14ac:dyDescent="0.15">
      <c r="A37" s="2"/>
      <c r="C37" s="3"/>
    </row>
    <row r="38" spans="1:8" s="6" customFormat="1" ht="5.25" customHeight="1" x14ac:dyDescent="0.15">
      <c r="B38" s="32"/>
      <c r="C38" s="32"/>
      <c r="D38" s="32"/>
      <c r="E38" s="23"/>
      <c r="F38" s="23"/>
      <c r="G38" s="23"/>
      <c r="H38" s="23"/>
    </row>
    <row r="39" spans="1:8" s="6" customFormat="1" ht="15" customHeight="1" x14ac:dyDescent="0.15">
      <c r="A39" s="5"/>
      <c r="B39" s="6" t="s">
        <v>39</v>
      </c>
    </row>
    <row r="40" spans="1:8" s="6" customFormat="1" ht="42" customHeight="1" x14ac:dyDescent="0.15">
      <c r="B40" s="7" t="s">
        <v>5</v>
      </c>
      <c r="C40" s="8" t="s">
        <v>6</v>
      </c>
      <c r="D40" s="9"/>
      <c r="E40" s="10" t="s">
        <v>7</v>
      </c>
      <c r="F40" s="11" t="s">
        <v>8</v>
      </c>
      <c r="G40" s="10" t="s">
        <v>9</v>
      </c>
      <c r="H40" s="10" t="s">
        <v>10</v>
      </c>
    </row>
    <row r="41" spans="1:8" s="6" customFormat="1" x14ac:dyDescent="0.15">
      <c r="B41" s="33" t="s">
        <v>40</v>
      </c>
      <c r="C41" s="30" t="s">
        <v>41</v>
      </c>
      <c r="D41" s="30"/>
      <c r="E41" s="18">
        <v>7</v>
      </c>
      <c r="F41" s="18">
        <v>0</v>
      </c>
      <c r="G41" s="18">
        <v>1</v>
      </c>
      <c r="H41" s="19">
        <v>0.14000000000000001</v>
      </c>
    </row>
    <row r="42" spans="1:8" s="6" customFormat="1" x14ac:dyDescent="0.15">
      <c r="B42" s="26" t="s">
        <v>40</v>
      </c>
      <c r="C42" s="30" t="s">
        <v>42</v>
      </c>
      <c r="D42" s="30"/>
      <c r="E42" s="18">
        <v>8</v>
      </c>
      <c r="F42" s="18">
        <v>0</v>
      </c>
      <c r="G42" s="18">
        <v>3</v>
      </c>
      <c r="H42" s="19">
        <v>0.38</v>
      </c>
    </row>
    <row r="43" spans="1:8" s="6" customFormat="1" x14ac:dyDescent="0.15">
      <c r="B43" s="29" t="s">
        <v>43</v>
      </c>
      <c r="C43" s="30" t="s">
        <v>44</v>
      </c>
      <c r="D43" s="30"/>
      <c r="E43" s="18">
        <v>16</v>
      </c>
      <c r="F43" s="18">
        <v>1</v>
      </c>
      <c r="G43" s="18">
        <v>1</v>
      </c>
      <c r="H43" s="19">
        <v>0.06</v>
      </c>
    </row>
    <row r="44" spans="1:8" s="6" customFormat="1" x14ac:dyDescent="0.15">
      <c r="B44" s="34" t="s">
        <v>45</v>
      </c>
      <c r="C44" s="35" t="s">
        <v>46</v>
      </c>
      <c r="D44" s="35"/>
      <c r="E44" s="36">
        <v>1</v>
      </c>
      <c r="F44" s="18">
        <v>0</v>
      </c>
      <c r="G44" s="18">
        <v>0</v>
      </c>
      <c r="H44" s="19" t="s">
        <v>121</v>
      </c>
    </row>
    <row r="45" spans="1:8" s="6" customFormat="1" x14ac:dyDescent="0.15">
      <c r="B45" s="34" t="s">
        <v>45</v>
      </c>
      <c r="C45" s="35" t="s">
        <v>47</v>
      </c>
      <c r="D45" s="35"/>
      <c r="E45" s="36">
        <v>16</v>
      </c>
      <c r="F45" s="18">
        <v>0</v>
      </c>
      <c r="G45" s="18">
        <v>2</v>
      </c>
      <c r="H45" s="19">
        <v>0.13</v>
      </c>
    </row>
    <row r="46" spans="1:8" s="6" customFormat="1" x14ac:dyDescent="0.15">
      <c r="B46" s="29" t="s">
        <v>48</v>
      </c>
      <c r="C46" s="30" t="s">
        <v>46</v>
      </c>
      <c r="D46" s="30"/>
      <c r="E46" s="18">
        <v>15</v>
      </c>
      <c r="F46" s="18">
        <v>0</v>
      </c>
      <c r="G46" s="18">
        <v>2</v>
      </c>
      <c r="H46" s="19">
        <v>0.13</v>
      </c>
    </row>
    <row r="47" spans="1:8" s="6" customFormat="1" x14ac:dyDescent="0.15">
      <c r="B47" s="16" t="s">
        <v>48</v>
      </c>
      <c r="C47" s="30" t="s">
        <v>49</v>
      </c>
      <c r="D47" s="30"/>
      <c r="E47" s="18">
        <v>22</v>
      </c>
      <c r="F47" s="18">
        <v>0</v>
      </c>
      <c r="G47" s="18">
        <v>2</v>
      </c>
      <c r="H47" s="19">
        <v>0.09</v>
      </c>
    </row>
    <row r="48" spans="1:8" s="6" customFormat="1" x14ac:dyDescent="0.15">
      <c r="B48" s="29" t="s">
        <v>48</v>
      </c>
      <c r="C48" s="30" t="s">
        <v>50</v>
      </c>
      <c r="D48" s="30"/>
      <c r="E48" s="18">
        <v>16</v>
      </c>
      <c r="F48" s="18">
        <v>0</v>
      </c>
      <c r="G48" s="18">
        <v>2</v>
      </c>
      <c r="H48" s="19">
        <v>0.13</v>
      </c>
    </row>
    <row r="49" spans="2:8" s="6" customFormat="1" x14ac:dyDescent="0.15">
      <c r="B49" s="16" t="s">
        <v>51</v>
      </c>
      <c r="C49" s="30" t="s">
        <v>46</v>
      </c>
      <c r="D49" s="30"/>
      <c r="E49" s="18">
        <v>30</v>
      </c>
      <c r="F49" s="18">
        <v>0</v>
      </c>
      <c r="G49" s="18">
        <v>2</v>
      </c>
      <c r="H49" s="19">
        <v>7.0000000000000007E-2</v>
      </c>
    </row>
    <row r="50" spans="2:8" s="6" customFormat="1" x14ac:dyDescent="0.15">
      <c r="B50" s="29" t="s">
        <v>51</v>
      </c>
      <c r="C50" s="30" t="s">
        <v>50</v>
      </c>
      <c r="D50" s="30"/>
      <c r="E50" s="18">
        <v>14</v>
      </c>
      <c r="F50" s="18">
        <v>0</v>
      </c>
      <c r="G50" s="18">
        <v>2</v>
      </c>
      <c r="H50" s="19">
        <v>0.14000000000000001</v>
      </c>
    </row>
    <row r="51" spans="2:8" s="6" customFormat="1" x14ac:dyDescent="0.15">
      <c r="B51" s="29" t="s">
        <v>51</v>
      </c>
      <c r="C51" s="30" t="s">
        <v>49</v>
      </c>
      <c r="D51" s="30"/>
      <c r="E51" s="18">
        <v>3</v>
      </c>
      <c r="F51" s="18">
        <v>0</v>
      </c>
      <c r="G51" s="18">
        <v>0</v>
      </c>
      <c r="H51" s="19" t="s">
        <v>121</v>
      </c>
    </row>
    <row r="52" spans="2:8" s="6" customFormat="1" x14ac:dyDescent="0.15">
      <c r="B52" s="29" t="s">
        <v>51</v>
      </c>
      <c r="C52" s="30" t="s">
        <v>47</v>
      </c>
      <c r="D52" s="30"/>
      <c r="E52" s="18">
        <v>6</v>
      </c>
      <c r="F52" s="18">
        <v>0</v>
      </c>
      <c r="G52" s="18">
        <v>0</v>
      </c>
      <c r="H52" s="19" t="s">
        <v>121</v>
      </c>
    </row>
    <row r="53" spans="2:8" s="6" customFormat="1" x14ac:dyDescent="0.15">
      <c r="B53" s="29" t="s">
        <v>52</v>
      </c>
      <c r="C53" s="30" t="s">
        <v>44</v>
      </c>
      <c r="D53" s="30"/>
      <c r="E53" s="18">
        <v>111</v>
      </c>
      <c r="F53" s="18">
        <v>0</v>
      </c>
      <c r="G53" s="18">
        <v>6</v>
      </c>
      <c r="H53" s="19">
        <v>0.05</v>
      </c>
    </row>
    <row r="54" spans="2:8" s="6" customFormat="1" x14ac:dyDescent="0.15">
      <c r="B54" s="29" t="s">
        <v>53</v>
      </c>
      <c r="C54" s="30" t="s">
        <v>44</v>
      </c>
      <c r="D54" s="30"/>
      <c r="E54" s="18">
        <v>80</v>
      </c>
      <c r="F54" s="18">
        <v>0</v>
      </c>
      <c r="G54" s="18">
        <v>3</v>
      </c>
      <c r="H54" s="19">
        <v>0.04</v>
      </c>
    </row>
    <row r="55" spans="2:8" s="6" customFormat="1" x14ac:dyDescent="0.15">
      <c r="B55" s="29" t="s">
        <v>37</v>
      </c>
      <c r="C55" s="30" t="s">
        <v>46</v>
      </c>
      <c r="D55" s="30"/>
      <c r="E55" s="18">
        <v>13</v>
      </c>
      <c r="F55" s="18">
        <v>0</v>
      </c>
      <c r="G55" s="18">
        <v>0</v>
      </c>
      <c r="H55" s="19" t="s">
        <v>121</v>
      </c>
    </row>
    <row r="56" spans="2:8" s="6" customFormat="1" x14ac:dyDescent="0.15">
      <c r="B56" s="29" t="s">
        <v>37</v>
      </c>
      <c r="C56" s="30" t="s">
        <v>50</v>
      </c>
      <c r="D56" s="30"/>
      <c r="E56" s="18">
        <v>8</v>
      </c>
      <c r="F56" s="18">
        <v>0</v>
      </c>
      <c r="G56" s="18">
        <v>0</v>
      </c>
      <c r="H56" s="19" t="s">
        <v>121</v>
      </c>
    </row>
    <row r="57" spans="2:8" s="6" customFormat="1" x14ac:dyDescent="0.15">
      <c r="B57" s="29" t="s">
        <v>37</v>
      </c>
      <c r="C57" s="30" t="s">
        <v>49</v>
      </c>
      <c r="D57" s="30"/>
      <c r="E57" s="18">
        <v>14</v>
      </c>
      <c r="F57" s="18">
        <v>0</v>
      </c>
      <c r="G57" s="18">
        <v>0</v>
      </c>
      <c r="H57" s="19" t="s">
        <v>121</v>
      </c>
    </row>
    <row r="58" spans="2:8" s="6" customFormat="1" x14ac:dyDescent="0.15">
      <c r="B58" s="29" t="s">
        <v>37</v>
      </c>
      <c r="C58" s="30" t="s">
        <v>54</v>
      </c>
      <c r="D58" s="30"/>
      <c r="E58" s="18">
        <v>1</v>
      </c>
      <c r="F58" s="18">
        <v>0</v>
      </c>
      <c r="G58" s="18">
        <v>0</v>
      </c>
      <c r="H58" s="19" t="s">
        <v>121</v>
      </c>
    </row>
    <row r="59" spans="2:8" s="6" customFormat="1" x14ac:dyDescent="0.15">
      <c r="B59" s="16" t="s">
        <v>43</v>
      </c>
      <c r="C59" s="30" t="s">
        <v>55</v>
      </c>
      <c r="D59" s="30"/>
      <c r="E59" s="18">
        <v>13</v>
      </c>
      <c r="F59" s="18">
        <v>0</v>
      </c>
      <c r="G59" s="18">
        <v>0</v>
      </c>
      <c r="H59" s="19" t="s">
        <v>121</v>
      </c>
    </row>
    <row r="60" spans="2:8" s="6" customFormat="1" x14ac:dyDescent="0.15">
      <c r="B60" s="29" t="s">
        <v>22</v>
      </c>
      <c r="C60" s="30" t="s">
        <v>55</v>
      </c>
      <c r="D60" s="30"/>
      <c r="E60" s="18">
        <v>45</v>
      </c>
      <c r="F60" s="18">
        <v>0</v>
      </c>
      <c r="G60" s="18">
        <v>1</v>
      </c>
      <c r="H60" s="19">
        <v>0.02</v>
      </c>
    </row>
    <row r="61" spans="2:8" s="6" customFormat="1" x14ac:dyDescent="0.15">
      <c r="B61" s="29" t="s">
        <v>56</v>
      </c>
      <c r="C61" s="30" t="s">
        <v>57</v>
      </c>
      <c r="D61" s="30"/>
      <c r="E61" s="18">
        <v>12</v>
      </c>
      <c r="F61" s="18">
        <v>0</v>
      </c>
      <c r="G61" s="18">
        <v>1</v>
      </c>
      <c r="H61" s="19">
        <v>0.08</v>
      </c>
    </row>
    <row r="62" spans="2:8" s="6" customFormat="1" x14ac:dyDescent="0.15">
      <c r="B62" s="29" t="s">
        <v>56</v>
      </c>
      <c r="C62" s="30" t="s">
        <v>58</v>
      </c>
      <c r="D62" s="30"/>
      <c r="E62" s="18">
        <v>5</v>
      </c>
      <c r="F62" s="18">
        <v>0</v>
      </c>
      <c r="G62" s="18">
        <v>0</v>
      </c>
      <c r="H62" s="19" t="s">
        <v>121</v>
      </c>
    </row>
    <row r="63" spans="2:8" s="6" customFormat="1" x14ac:dyDescent="0.15">
      <c r="B63" s="29" t="s">
        <v>13</v>
      </c>
      <c r="C63" s="30" t="s">
        <v>59</v>
      </c>
      <c r="D63" s="30"/>
      <c r="E63" s="18">
        <v>10</v>
      </c>
      <c r="F63" s="18">
        <v>0</v>
      </c>
      <c r="G63" s="18">
        <v>0</v>
      </c>
      <c r="H63" s="19" t="s">
        <v>121</v>
      </c>
    </row>
    <row r="64" spans="2:8" s="6" customFormat="1" x14ac:dyDescent="0.15">
      <c r="B64" s="29" t="s">
        <v>36</v>
      </c>
      <c r="C64" s="30" t="s">
        <v>59</v>
      </c>
      <c r="D64" s="30"/>
      <c r="E64" s="18">
        <v>32</v>
      </c>
      <c r="F64" s="18">
        <v>0</v>
      </c>
      <c r="G64" s="18">
        <v>3</v>
      </c>
      <c r="H64" s="19">
        <v>0.09</v>
      </c>
    </row>
    <row r="65" spans="1:8" s="6" customFormat="1" x14ac:dyDescent="0.15">
      <c r="B65" s="29" t="s">
        <v>31</v>
      </c>
      <c r="C65" s="30" t="s">
        <v>59</v>
      </c>
      <c r="D65" s="30"/>
      <c r="E65" s="18">
        <v>23</v>
      </c>
      <c r="F65" s="18">
        <v>0</v>
      </c>
      <c r="G65" s="18">
        <v>0</v>
      </c>
      <c r="H65" s="19" t="s">
        <v>121</v>
      </c>
    </row>
    <row r="66" spans="1:8" s="6" customFormat="1" x14ac:dyDescent="0.15">
      <c r="B66" s="29" t="s">
        <v>11</v>
      </c>
      <c r="C66" s="30" t="s">
        <v>60</v>
      </c>
      <c r="D66" s="30"/>
      <c r="E66" s="18">
        <v>4</v>
      </c>
      <c r="F66" s="18">
        <v>1</v>
      </c>
      <c r="G66" s="18">
        <v>0</v>
      </c>
      <c r="H66" s="19" t="s">
        <v>121</v>
      </c>
    </row>
    <row r="67" spans="1:8" s="6" customFormat="1" x14ac:dyDescent="0.15">
      <c r="B67" s="29" t="s">
        <v>61</v>
      </c>
      <c r="C67" s="30" t="s">
        <v>62</v>
      </c>
      <c r="D67" s="30"/>
      <c r="E67" s="18">
        <v>1</v>
      </c>
      <c r="F67" s="18">
        <v>0</v>
      </c>
      <c r="G67" s="18">
        <v>1</v>
      </c>
      <c r="H67" s="19">
        <v>1</v>
      </c>
    </row>
    <row r="68" spans="1:8" s="6" customFormat="1" x14ac:dyDescent="0.15">
      <c r="B68" s="29" t="s">
        <v>61</v>
      </c>
      <c r="C68" s="30" t="s">
        <v>63</v>
      </c>
      <c r="D68" s="30"/>
      <c r="E68" s="18">
        <v>3</v>
      </c>
      <c r="F68" s="18">
        <v>0</v>
      </c>
      <c r="G68" s="18">
        <v>0</v>
      </c>
      <c r="H68" s="19" t="s">
        <v>121</v>
      </c>
    </row>
    <row r="69" spans="1:8" s="6" customFormat="1" x14ac:dyDescent="0.15">
      <c r="B69" s="29" t="s">
        <v>61</v>
      </c>
      <c r="C69" s="30" t="s">
        <v>64</v>
      </c>
      <c r="D69" s="30"/>
      <c r="E69" s="18">
        <v>7</v>
      </c>
      <c r="F69" s="18">
        <v>0</v>
      </c>
      <c r="G69" s="18">
        <v>2</v>
      </c>
      <c r="H69" s="19">
        <v>0.28999999999999998</v>
      </c>
    </row>
    <row r="70" spans="1:8" s="6" customFormat="1" x14ac:dyDescent="0.15">
      <c r="B70" s="29" t="s">
        <v>61</v>
      </c>
      <c r="C70" s="30" t="s">
        <v>54</v>
      </c>
      <c r="D70" s="30"/>
      <c r="E70" s="18">
        <v>1</v>
      </c>
      <c r="F70" s="18">
        <v>0</v>
      </c>
      <c r="G70" s="18">
        <v>0</v>
      </c>
      <c r="H70" s="19" t="s">
        <v>121</v>
      </c>
    </row>
    <row r="71" spans="1:8" s="6" customFormat="1" x14ac:dyDescent="0.15">
      <c r="B71" s="29" t="s">
        <v>65</v>
      </c>
      <c r="C71" s="30" t="s">
        <v>66</v>
      </c>
      <c r="D71" s="30"/>
      <c r="E71" s="18">
        <v>9</v>
      </c>
      <c r="F71" s="18">
        <v>0</v>
      </c>
      <c r="G71" s="18">
        <v>1</v>
      </c>
      <c r="H71" s="19">
        <v>0.11</v>
      </c>
    </row>
    <row r="72" spans="1:8" s="6" customFormat="1" x14ac:dyDescent="0.15">
      <c r="B72" s="29" t="s">
        <v>65</v>
      </c>
      <c r="C72" s="30" t="s">
        <v>59</v>
      </c>
      <c r="D72" s="30"/>
      <c r="E72" s="18">
        <v>2</v>
      </c>
      <c r="F72" s="18">
        <v>0</v>
      </c>
      <c r="G72" s="18">
        <v>0</v>
      </c>
      <c r="H72" s="19" t="s">
        <v>121</v>
      </c>
    </row>
    <row r="73" spans="1:8" s="6" customFormat="1" ht="15" customHeight="1" x14ac:dyDescent="0.15">
      <c r="B73" s="78" t="s">
        <v>32</v>
      </c>
      <c r="C73" s="79"/>
      <c r="D73" s="80"/>
      <c r="E73" s="20">
        <v>548</v>
      </c>
      <c r="F73" s="20">
        <v>2</v>
      </c>
      <c r="G73" s="20">
        <v>35</v>
      </c>
      <c r="H73" s="21">
        <v>0.06</v>
      </c>
    </row>
    <row r="74" spans="1:8" x14ac:dyDescent="0.15">
      <c r="A74" s="2"/>
      <c r="B74" s="22"/>
      <c r="C74" s="3"/>
    </row>
    <row r="75" spans="1:8" ht="7.5" customHeight="1" x14ac:dyDescent="0.15">
      <c r="A75" s="2"/>
      <c r="C75" s="3"/>
    </row>
    <row r="76" spans="1:8" s="6" customFormat="1" ht="15" customHeight="1" x14ac:dyDescent="0.15">
      <c r="A76" s="5"/>
      <c r="B76" s="6" t="s">
        <v>67</v>
      </c>
    </row>
    <row r="77" spans="1:8" s="6" customFormat="1" ht="42" customHeight="1" x14ac:dyDescent="0.15">
      <c r="B77" s="7" t="s">
        <v>5</v>
      </c>
      <c r="C77" s="8" t="s">
        <v>6</v>
      </c>
      <c r="D77" s="9"/>
      <c r="E77" s="10" t="s">
        <v>7</v>
      </c>
      <c r="F77" s="11" t="s">
        <v>8</v>
      </c>
      <c r="G77" s="10" t="s">
        <v>9</v>
      </c>
      <c r="H77" s="10" t="s">
        <v>10</v>
      </c>
    </row>
    <row r="78" spans="1:8" s="6" customFormat="1" ht="13.5" customHeight="1" x14ac:dyDescent="0.15">
      <c r="B78" s="37" t="s">
        <v>68</v>
      </c>
      <c r="C78" s="38" t="s">
        <v>69</v>
      </c>
      <c r="D78" s="38"/>
      <c r="E78" s="14">
        <v>21</v>
      </c>
      <c r="F78" s="14">
        <v>0</v>
      </c>
      <c r="G78" s="14">
        <v>7</v>
      </c>
      <c r="H78" s="15">
        <v>0.33</v>
      </c>
    </row>
    <row r="79" spans="1:8" s="6" customFormat="1" ht="13.5" customHeight="1" x14ac:dyDescent="0.15">
      <c r="B79" s="29" t="s">
        <v>70</v>
      </c>
      <c r="C79" s="30" t="s">
        <v>69</v>
      </c>
      <c r="D79" s="30"/>
      <c r="E79" s="18">
        <v>85</v>
      </c>
      <c r="F79" s="18">
        <v>0</v>
      </c>
      <c r="G79" s="18">
        <v>9</v>
      </c>
      <c r="H79" s="19">
        <v>0.11</v>
      </c>
    </row>
    <row r="80" spans="1:8" s="6" customFormat="1" ht="13.5" customHeight="1" x14ac:dyDescent="0.15">
      <c r="B80" s="29" t="s">
        <v>71</v>
      </c>
      <c r="C80" s="30" t="s">
        <v>69</v>
      </c>
      <c r="D80" s="30"/>
      <c r="E80" s="18">
        <v>78</v>
      </c>
      <c r="F80" s="18">
        <v>0</v>
      </c>
      <c r="G80" s="18">
        <v>12</v>
      </c>
      <c r="H80" s="19">
        <v>0.15</v>
      </c>
    </row>
    <row r="81" spans="1:8" s="6" customFormat="1" ht="13.5" customHeight="1" x14ac:dyDescent="0.15">
      <c r="B81" s="29" t="s">
        <v>72</v>
      </c>
      <c r="C81" s="30" t="s">
        <v>69</v>
      </c>
      <c r="D81" s="30"/>
      <c r="E81" s="18">
        <v>113</v>
      </c>
      <c r="F81" s="18">
        <v>0</v>
      </c>
      <c r="G81" s="18">
        <v>6</v>
      </c>
      <c r="H81" s="19">
        <v>0.05</v>
      </c>
    </row>
    <row r="82" spans="1:8" s="6" customFormat="1" ht="13.5" customHeight="1" x14ac:dyDescent="0.15">
      <c r="B82" s="29" t="s">
        <v>73</v>
      </c>
      <c r="C82" s="30" t="s">
        <v>69</v>
      </c>
      <c r="D82" s="30"/>
      <c r="E82" s="18">
        <v>69</v>
      </c>
      <c r="F82" s="18">
        <v>0</v>
      </c>
      <c r="G82" s="18">
        <v>12</v>
      </c>
      <c r="H82" s="19">
        <v>0.17</v>
      </c>
    </row>
    <row r="83" spans="1:8" s="6" customFormat="1" ht="13.5" customHeight="1" x14ac:dyDescent="0.15">
      <c r="B83" s="29" t="s">
        <v>74</v>
      </c>
      <c r="C83" s="30" t="s">
        <v>69</v>
      </c>
      <c r="D83" s="30"/>
      <c r="E83" s="18">
        <v>16</v>
      </c>
      <c r="F83" s="18">
        <v>0</v>
      </c>
      <c r="G83" s="18">
        <v>7</v>
      </c>
      <c r="H83" s="19">
        <v>0.44</v>
      </c>
    </row>
    <row r="84" spans="1:8" s="6" customFormat="1" ht="15" customHeight="1" x14ac:dyDescent="0.15">
      <c r="B84" s="78" t="s">
        <v>32</v>
      </c>
      <c r="C84" s="79"/>
      <c r="D84" s="80"/>
      <c r="E84" s="20">
        <v>382</v>
      </c>
      <c r="F84" s="20">
        <v>0</v>
      </c>
      <c r="G84" s="20">
        <v>53</v>
      </c>
      <c r="H84" s="21">
        <v>0.14000000000000001</v>
      </c>
    </row>
    <row r="85" spans="1:8" s="6" customFormat="1" ht="15" customHeight="1" x14ac:dyDescent="0.15">
      <c r="B85" s="39"/>
      <c r="C85" s="39"/>
      <c r="D85" s="39"/>
      <c r="E85" s="40"/>
      <c r="F85" s="40"/>
      <c r="G85" s="40"/>
      <c r="H85" s="41"/>
    </row>
    <row r="86" spans="1:8" s="6" customFormat="1" ht="15" customHeight="1" x14ac:dyDescent="0.15">
      <c r="B86" s="6" t="s">
        <v>75</v>
      </c>
      <c r="C86" s="3"/>
      <c r="D86" s="39"/>
      <c r="E86" s="40"/>
      <c r="F86" s="40"/>
      <c r="G86" s="40"/>
      <c r="H86" s="41"/>
    </row>
    <row r="87" spans="1:8" s="6" customFormat="1" ht="15" customHeight="1" x14ac:dyDescent="0.15">
      <c r="C87" s="3"/>
      <c r="D87" s="39"/>
      <c r="E87" s="40"/>
      <c r="F87" s="40"/>
      <c r="G87" s="40"/>
      <c r="H87" s="41"/>
    </row>
    <row r="88" spans="1:8" s="6" customFormat="1" x14ac:dyDescent="0.15">
      <c r="B88" s="6" t="s">
        <v>76</v>
      </c>
    </row>
    <row r="89" spans="1:8" s="6" customFormat="1" ht="40.5" x14ac:dyDescent="0.15">
      <c r="B89" s="7" t="s">
        <v>5</v>
      </c>
      <c r="C89" s="8" t="s">
        <v>6</v>
      </c>
      <c r="D89" s="9"/>
      <c r="E89" s="10" t="s">
        <v>7</v>
      </c>
      <c r="F89" s="11" t="s">
        <v>8</v>
      </c>
      <c r="G89" s="10" t="s">
        <v>9</v>
      </c>
      <c r="H89" s="10" t="s">
        <v>10</v>
      </c>
    </row>
    <row r="90" spans="1:8" s="6" customFormat="1" x14ac:dyDescent="0.15">
      <c r="B90" s="37" t="s">
        <v>77</v>
      </c>
      <c r="C90" s="38" t="s">
        <v>78</v>
      </c>
      <c r="D90" s="42"/>
      <c r="E90" s="14">
        <v>41</v>
      </c>
      <c r="F90" s="14">
        <v>1</v>
      </c>
      <c r="G90" s="14">
        <v>4</v>
      </c>
      <c r="H90" s="15">
        <v>0.1</v>
      </c>
    </row>
    <row r="91" spans="1:8" s="6" customFormat="1" ht="13.5" customHeight="1" x14ac:dyDescent="0.15">
      <c r="B91" s="43" t="s">
        <v>79</v>
      </c>
      <c r="C91" s="44" t="s">
        <v>78</v>
      </c>
      <c r="D91" s="44"/>
      <c r="E91" s="45">
        <v>4</v>
      </c>
      <c r="F91" s="45">
        <v>0</v>
      </c>
      <c r="G91" s="45">
        <v>1</v>
      </c>
      <c r="H91" s="46">
        <v>0.25</v>
      </c>
    </row>
    <row r="92" spans="1:8" s="6" customFormat="1" ht="15" customHeight="1" x14ac:dyDescent="0.15">
      <c r="B92" s="78" t="s">
        <v>32</v>
      </c>
      <c r="C92" s="79"/>
      <c r="D92" s="80"/>
      <c r="E92" s="20">
        <v>45</v>
      </c>
      <c r="F92" s="20">
        <v>1</v>
      </c>
      <c r="G92" s="20">
        <v>5</v>
      </c>
      <c r="H92" s="21">
        <v>0.11</v>
      </c>
    </row>
    <row r="93" spans="1:8" ht="7.5" customHeight="1" x14ac:dyDescent="0.15">
      <c r="A93" s="2"/>
      <c r="B93" s="39"/>
      <c r="C93" s="39"/>
      <c r="D93" s="39"/>
      <c r="E93" s="40"/>
      <c r="F93" s="40"/>
      <c r="G93" s="40"/>
      <c r="H93" s="41"/>
    </row>
    <row r="94" spans="1:8" s="6" customFormat="1" x14ac:dyDescent="0.15">
      <c r="B94" s="6" t="s">
        <v>80</v>
      </c>
    </row>
    <row r="95" spans="1:8" s="6" customFormat="1" ht="40.5" x14ac:dyDescent="0.15">
      <c r="B95" s="7" t="s">
        <v>5</v>
      </c>
      <c r="C95" s="8" t="s">
        <v>6</v>
      </c>
      <c r="D95" s="9"/>
      <c r="E95" s="10" t="s">
        <v>7</v>
      </c>
      <c r="F95" s="11" t="s">
        <v>8</v>
      </c>
      <c r="G95" s="10" t="s">
        <v>9</v>
      </c>
      <c r="H95" s="10" t="s">
        <v>10</v>
      </c>
    </row>
    <row r="96" spans="1:8" s="6" customFormat="1" x14ac:dyDescent="0.15">
      <c r="B96" s="47" t="s">
        <v>81</v>
      </c>
      <c r="C96" s="48" t="s">
        <v>82</v>
      </c>
      <c r="D96" s="49"/>
      <c r="E96" s="50">
        <v>20</v>
      </c>
      <c r="F96" s="50">
        <v>0</v>
      </c>
      <c r="G96" s="50">
        <v>1</v>
      </c>
      <c r="H96" s="51">
        <v>0.05</v>
      </c>
    </row>
    <row r="97" spans="1:8" s="6" customFormat="1" ht="7.5" customHeight="1" x14ac:dyDescent="0.15">
      <c r="A97" s="5"/>
      <c r="B97" s="1"/>
      <c r="C97" s="3"/>
      <c r="D97" s="1"/>
      <c r="E97" s="1"/>
      <c r="F97" s="1"/>
      <c r="G97" s="1"/>
      <c r="H97" s="1"/>
    </row>
    <row r="98" spans="1:8" s="6" customFormat="1" x14ac:dyDescent="0.15">
      <c r="B98" s="6" t="s">
        <v>83</v>
      </c>
    </row>
    <row r="99" spans="1:8" s="6" customFormat="1" ht="40.5" x14ac:dyDescent="0.15">
      <c r="B99" s="7" t="s">
        <v>5</v>
      </c>
      <c r="C99" s="8" t="s">
        <v>6</v>
      </c>
      <c r="D99" s="9"/>
      <c r="E99" s="10" t="s">
        <v>7</v>
      </c>
      <c r="F99" s="11" t="s">
        <v>8</v>
      </c>
      <c r="G99" s="10" t="s">
        <v>9</v>
      </c>
      <c r="H99" s="10" t="s">
        <v>10</v>
      </c>
    </row>
    <row r="100" spans="1:8" s="6" customFormat="1" x14ac:dyDescent="0.15">
      <c r="B100" s="29" t="s">
        <v>72</v>
      </c>
      <c r="C100" s="38" t="s">
        <v>84</v>
      </c>
      <c r="D100" s="42"/>
      <c r="E100" s="14">
        <v>12</v>
      </c>
      <c r="F100" s="36">
        <v>0</v>
      </c>
      <c r="G100" s="36">
        <v>0</v>
      </c>
      <c r="H100" s="19" t="s">
        <v>121</v>
      </c>
    </row>
    <row r="101" spans="1:8" s="6" customFormat="1" x14ac:dyDescent="0.15">
      <c r="B101" s="29" t="s">
        <v>85</v>
      </c>
      <c r="C101" s="35" t="s">
        <v>84</v>
      </c>
      <c r="D101" s="52"/>
      <c r="E101" s="36">
        <v>12</v>
      </c>
      <c r="F101" s="18">
        <v>0</v>
      </c>
      <c r="G101" s="18">
        <v>1</v>
      </c>
      <c r="H101" s="19">
        <v>0.08</v>
      </c>
    </row>
    <row r="102" spans="1:8" s="6" customFormat="1" x14ac:dyDescent="0.15">
      <c r="B102" s="29" t="s">
        <v>85</v>
      </c>
      <c r="C102" s="35" t="s">
        <v>86</v>
      </c>
      <c r="D102" s="52"/>
      <c r="E102" s="36">
        <v>4</v>
      </c>
      <c r="F102" s="18">
        <v>0</v>
      </c>
      <c r="G102" s="18">
        <v>0</v>
      </c>
      <c r="H102" s="19" t="s">
        <v>121</v>
      </c>
    </row>
    <row r="103" spans="1:8" s="6" customFormat="1" x14ac:dyDescent="0.15">
      <c r="B103" s="29" t="s">
        <v>85</v>
      </c>
      <c r="C103" s="35" t="s">
        <v>87</v>
      </c>
      <c r="D103" s="52"/>
      <c r="E103" s="36">
        <v>20</v>
      </c>
      <c r="F103" s="18">
        <v>0</v>
      </c>
      <c r="G103" s="18">
        <v>0</v>
      </c>
      <c r="H103" s="19" t="s">
        <v>121</v>
      </c>
    </row>
    <row r="104" spans="1:8" s="6" customFormat="1" x14ac:dyDescent="0.15">
      <c r="B104" s="29" t="s">
        <v>85</v>
      </c>
      <c r="C104" s="35" t="s">
        <v>88</v>
      </c>
      <c r="D104" s="52"/>
      <c r="E104" s="36">
        <v>4</v>
      </c>
      <c r="F104" s="18">
        <v>0</v>
      </c>
      <c r="G104" s="18">
        <v>0</v>
      </c>
      <c r="H104" s="19" t="s">
        <v>121</v>
      </c>
    </row>
    <row r="105" spans="1:8" s="6" customFormat="1" x14ac:dyDescent="0.15">
      <c r="B105" s="53" t="s">
        <v>89</v>
      </c>
      <c r="C105" s="54" t="s">
        <v>90</v>
      </c>
      <c r="D105" s="55"/>
      <c r="E105" s="45">
        <v>25</v>
      </c>
      <c r="F105" s="18">
        <v>0</v>
      </c>
      <c r="G105" s="18">
        <v>4</v>
      </c>
      <c r="H105" s="46">
        <v>0.16</v>
      </c>
    </row>
    <row r="106" spans="1:8" ht="13.5" customHeight="1" x14ac:dyDescent="0.15">
      <c r="A106" s="2"/>
      <c r="B106" s="75" t="s">
        <v>32</v>
      </c>
      <c r="C106" s="76"/>
      <c r="D106" s="77"/>
      <c r="E106" s="56">
        <v>77</v>
      </c>
      <c r="F106" s="20">
        <v>0</v>
      </c>
      <c r="G106" s="20">
        <v>5</v>
      </c>
      <c r="H106" s="57">
        <v>0.06</v>
      </c>
    </row>
    <row r="107" spans="1:8" s="6" customFormat="1" ht="15" customHeight="1" x14ac:dyDescent="0.15">
      <c r="B107" s="1"/>
      <c r="C107" s="3"/>
      <c r="D107" s="1"/>
      <c r="E107" s="1"/>
      <c r="F107" s="1"/>
      <c r="G107" s="1"/>
      <c r="H107" s="1"/>
    </row>
    <row r="108" spans="1:8" s="6" customFormat="1" x14ac:dyDescent="0.15">
      <c r="A108" s="5" t="s">
        <v>91</v>
      </c>
      <c r="B108" s="6" t="s">
        <v>92</v>
      </c>
    </row>
    <row r="109" spans="1:8" s="6" customFormat="1" x14ac:dyDescent="0.15">
      <c r="B109" s="6" t="s">
        <v>93</v>
      </c>
    </row>
    <row r="110" spans="1:8" s="6" customFormat="1" ht="39" customHeight="1" x14ac:dyDescent="0.15">
      <c r="B110" s="7" t="s">
        <v>5</v>
      </c>
      <c r="C110" s="8" t="s">
        <v>94</v>
      </c>
      <c r="D110" s="9"/>
      <c r="E110" s="10" t="s">
        <v>7</v>
      </c>
      <c r="F110" s="11" t="s">
        <v>8</v>
      </c>
      <c r="G110" s="10" t="s">
        <v>9</v>
      </c>
      <c r="H110" s="10" t="s">
        <v>10</v>
      </c>
    </row>
    <row r="111" spans="1:8" s="6" customFormat="1" ht="15" customHeight="1" x14ac:dyDescent="0.15">
      <c r="B111" s="7" t="s">
        <v>65</v>
      </c>
      <c r="C111" s="8" t="s">
        <v>95</v>
      </c>
      <c r="D111" s="8"/>
      <c r="E111" s="58">
        <v>33</v>
      </c>
      <c r="F111" s="50">
        <v>0</v>
      </c>
      <c r="G111" s="50">
        <v>7</v>
      </c>
      <c r="H111" s="51">
        <v>0.21</v>
      </c>
    </row>
    <row r="112" spans="1:8" ht="7.5" customHeight="1" x14ac:dyDescent="0.15">
      <c r="A112" s="2"/>
      <c r="B112" s="39"/>
      <c r="C112" s="39"/>
      <c r="D112" s="39"/>
      <c r="E112" s="40"/>
      <c r="F112" s="40"/>
      <c r="G112" s="40"/>
      <c r="H112" s="41"/>
    </row>
    <row r="113" spans="1:8" s="6" customFormat="1" x14ac:dyDescent="0.15">
      <c r="B113" s="6" t="s">
        <v>96</v>
      </c>
    </row>
    <row r="114" spans="1:8" s="6" customFormat="1" ht="40.5" x14ac:dyDescent="0.15">
      <c r="B114" s="7" t="s">
        <v>5</v>
      </c>
      <c r="C114" s="8" t="s">
        <v>97</v>
      </c>
      <c r="D114" s="9"/>
      <c r="E114" s="10" t="s">
        <v>7</v>
      </c>
      <c r="F114" s="11" t="s">
        <v>8</v>
      </c>
      <c r="G114" s="10" t="s">
        <v>9</v>
      </c>
      <c r="H114" s="10" t="s">
        <v>10</v>
      </c>
    </row>
    <row r="115" spans="1:8" ht="12.95" customHeight="1" x14ac:dyDescent="0.15">
      <c r="B115" s="26" t="s">
        <v>98</v>
      </c>
      <c r="C115" s="17" t="s">
        <v>99</v>
      </c>
      <c r="D115" s="17"/>
      <c r="E115" s="59">
        <v>3</v>
      </c>
      <c r="F115" s="14">
        <v>1</v>
      </c>
      <c r="G115" s="14">
        <v>3</v>
      </c>
      <c r="H115" s="60">
        <v>1</v>
      </c>
    </row>
    <row r="116" spans="1:8" ht="12.95" customHeight="1" x14ac:dyDescent="0.15">
      <c r="B116" s="16" t="s">
        <v>98</v>
      </c>
      <c r="C116" s="61" t="s">
        <v>100</v>
      </c>
      <c r="D116" s="61"/>
      <c r="E116" s="62">
        <v>72</v>
      </c>
      <c r="F116" s="59">
        <v>0</v>
      </c>
      <c r="G116" s="59">
        <v>6</v>
      </c>
      <c r="H116" s="60">
        <v>0.08</v>
      </c>
    </row>
    <row r="117" spans="1:8" ht="12.95" customHeight="1" x14ac:dyDescent="0.15">
      <c r="B117" s="16" t="s">
        <v>101</v>
      </c>
      <c r="C117" s="61" t="s">
        <v>69</v>
      </c>
      <c r="D117" s="61"/>
      <c r="E117" s="62">
        <v>17</v>
      </c>
      <c r="F117" s="59">
        <v>0</v>
      </c>
      <c r="G117" s="59">
        <v>6</v>
      </c>
      <c r="H117" s="60">
        <v>0.35</v>
      </c>
    </row>
    <row r="118" spans="1:8" ht="12.95" customHeight="1" x14ac:dyDescent="0.15">
      <c r="B118" s="16" t="s">
        <v>102</v>
      </c>
      <c r="C118" s="61" t="s">
        <v>69</v>
      </c>
      <c r="D118" s="61"/>
      <c r="E118" s="62">
        <v>53</v>
      </c>
      <c r="F118" s="59">
        <v>0</v>
      </c>
      <c r="G118" s="59">
        <v>3</v>
      </c>
      <c r="H118" s="60">
        <v>0.06</v>
      </c>
    </row>
    <row r="119" spans="1:8" ht="12.95" customHeight="1" x14ac:dyDescent="0.15">
      <c r="B119" s="16" t="s">
        <v>103</v>
      </c>
      <c r="C119" s="61" t="s">
        <v>99</v>
      </c>
      <c r="D119" s="61"/>
      <c r="E119" s="62">
        <v>38</v>
      </c>
      <c r="F119" s="63">
        <v>0</v>
      </c>
      <c r="G119" s="63">
        <v>4</v>
      </c>
      <c r="H119" s="60">
        <v>0.11</v>
      </c>
    </row>
    <row r="120" spans="1:8" ht="12.95" customHeight="1" x14ac:dyDescent="0.15">
      <c r="B120" s="16" t="s">
        <v>103</v>
      </c>
      <c r="C120" s="61" t="s">
        <v>100</v>
      </c>
      <c r="D120" s="61"/>
      <c r="E120" s="62">
        <v>70</v>
      </c>
      <c r="F120" s="59">
        <v>0</v>
      </c>
      <c r="G120" s="59">
        <v>5</v>
      </c>
      <c r="H120" s="60">
        <v>7.0000000000000007E-2</v>
      </c>
    </row>
    <row r="121" spans="1:8" s="6" customFormat="1" ht="15" customHeight="1" x14ac:dyDescent="0.15">
      <c r="A121" s="5"/>
      <c r="B121" s="78" t="s">
        <v>32</v>
      </c>
      <c r="C121" s="79"/>
      <c r="D121" s="80"/>
      <c r="E121" s="20">
        <v>253</v>
      </c>
      <c r="F121" s="20">
        <v>1</v>
      </c>
      <c r="G121" s="20">
        <v>27</v>
      </c>
      <c r="H121" s="21">
        <v>0.11</v>
      </c>
    </row>
    <row r="122" spans="1:8" s="6" customFormat="1" ht="14.1" customHeight="1" x14ac:dyDescent="0.15"/>
    <row r="123" spans="1:8" s="6" customFormat="1" x14ac:dyDescent="0.15">
      <c r="B123" s="6" t="s">
        <v>104</v>
      </c>
    </row>
    <row r="124" spans="1:8" s="6" customFormat="1" ht="40.5" x14ac:dyDescent="0.15">
      <c r="B124" s="7" t="s">
        <v>5</v>
      </c>
      <c r="C124" s="8" t="s">
        <v>97</v>
      </c>
      <c r="D124" s="9"/>
      <c r="E124" s="10" t="s">
        <v>7</v>
      </c>
      <c r="F124" s="11" t="s">
        <v>8</v>
      </c>
      <c r="G124" s="10" t="s">
        <v>9</v>
      </c>
      <c r="H124" s="10" t="s">
        <v>10</v>
      </c>
    </row>
    <row r="125" spans="1:8" ht="12.95" customHeight="1" x14ac:dyDescent="0.15">
      <c r="B125" s="16" t="s">
        <v>105</v>
      </c>
      <c r="C125" s="61" t="s">
        <v>106</v>
      </c>
      <c r="D125" s="61"/>
      <c r="E125" s="62">
        <v>5</v>
      </c>
      <c r="F125" s="63">
        <v>0</v>
      </c>
      <c r="G125" s="63">
        <v>4</v>
      </c>
      <c r="H125" s="60">
        <v>0.8</v>
      </c>
    </row>
    <row r="126" spans="1:8" ht="12.95" customHeight="1" x14ac:dyDescent="0.15">
      <c r="B126" s="16" t="s">
        <v>105</v>
      </c>
      <c r="C126" s="61" t="s">
        <v>107</v>
      </c>
      <c r="D126" s="61"/>
      <c r="E126" s="62">
        <v>68</v>
      </c>
      <c r="F126" s="59">
        <v>0</v>
      </c>
      <c r="G126" s="59">
        <v>1</v>
      </c>
      <c r="H126" s="60">
        <v>0.01</v>
      </c>
    </row>
    <row r="127" spans="1:8" s="6" customFormat="1" ht="15" customHeight="1" x14ac:dyDescent="0.15">
      <c r="A127" s="5"/>
      <c r="B127" s="78" t="s">
        <v>32</v>
      </c>
      <c r="C127" s="79"/>
      <c r="D127" s="80"/>
      <c r="E127" s="20">
        <v>73</v>
      </c>
      <c r="F127" s="20">
        <v>0</v>
      </c>
      <c r="G127" s="20">
        <v>5</v>
      </c>
      <c r="H127" s="21">
        <v>7.0000000000000007E-2</v>
      </c>
    </row>
    <row r="128" spans="1:8" s="6" customFormat="1" ht="6" customHeight="1" x14ac:dyDescent="0.15">
      <c r="B128" s="1"/>
      <c r="C128" s="1"/>
      <c r="D128" s="1"/>
      <c r="E128" s="64"/>
      <c r="F128" s="64"/>
      <c r="G128" s="64"/>
      <c r="H128" s="65"/>
    </row>
    <row r="129" spans="1:8" x14ac:dyDescent="0.15">
      <c r="B129" s="81" t="s">
        <v>108</v>
      </c>
      <c r="C129" s="81"/>
      <c r="D129" s="81"/>
      <c r="E129" s="81"/>
      <c r="F129" s="81"/>
      <c r="G129" s="81"/>
      <c r="H129" s="81"/>
    </row>
    <row r="130" spans="1:8" ht="18.75" customHeight="1" x14ac:dyDescent="0.15">
      <c r="A130" s="1" t="s">
        <v>109</v>
      </c>
    </row>
    <row r="131" spans="1:8" ht="40.5" x14ac:dyDescent="0.15">
      <c r="B131" s="7" t="s">
        <v>5</v>
      </c>
      <c r="C131" s="8" t="s">
        <v>6</v>
      </c>
      <c r="D131" s="9"/>
      <c r="E131" s="10" t="s">
        <v>7</v>
      </c>
      <c r="F131" s="11" t="s">
        <v>8</v>
      </c>
      <c r="G131" s="10" t="s">
        <v>9</v>
      </c>
      <c r="H131" s="10" t="s">
        <v>10</v>
      </c>
    </row>
    <row r="132" spans="1:8" x14ac:dyDescent="0.15">
      <c r="B132" s="66" t="s">
        <v>110</v>
      </c>
      <c r="C132" s="67" t="s">
        <v>12</v>
      </c>
      <c r="D132" s="67"/>
      <c r="E132" s="68">
        <v>2</v>
      </c>
      <c r="F132" s="36">
        <v>0</v>
      </c>
      <c r="G132" s="36">
        <v>0</v>
      </c>
      <c r="H132" s="19" t="s">
        <v>121</v>
      </c>
    </row>
    <row r="133" spans="1:8" x14ac:dyDescent="0.15">
      <c r="B133" s="26" t="s">
        <v>111</v>
      </c>
      <c r="C133" s="17" t="s">
        <v>12</v>
      </c>
      <c r="D133" s="17"/>
      <c r="E133" s="69">
        <v>1</v>
      </c>
      <c r="F133" s="36">
        <v>0</v>
      </c>
      <c r="G133" s="36">
        <v>0</v>
      </c>
      <c r="H133" s="19" t="s">
        <v>121</v>
      </c>
    </row>
    <row r="134" spans="1:8" x14ac:dyDescent="0.15">
      <c r="B134" s="26" t="s">
        <v>112</v>
      </c>
      <c r="C134" s="17" t="s">
        <v>12</v>
      </c>
      <c r="D134" s="17"/>
      <c r="E134" s="69">
        <v>6</v>
      </c>
      <c r="F134" s="36">
        <v>0</v>
      </c>
      <c r="G134" s="36">
        <v>0</v>
      </c>
      <c r="H134" s="19" t="s">
        <v>121</v>
      </c>
    </row>
    <row r="135" spans="1:8" x14ac:dyDescent="0.15">
      <c r="B135" s="26" t="s">
        <v>113</v>
      </c>
      <c r="C135" s="17" t="s">
        <v>12</v>
      </c>
      <c r="D135" s="17"/>
      <c r="E135" s="69">
        <v>8</v>
      </c>
      <c r="F135" s="36">
        <v>0</v>
      </c>
      <c r="G135" s="36">
        <v>0</v>
      </c>
      <c r="H135" s="19" t="s">
        <v>121</v>
      </c>
    </row>
    <row r="136" spans="1:8" x14ac:dyDescent="0.15">
      <c r="B136" s="26" t="s">
        <v>11</v>
      </c>
      <c r="C136" s="17" t="s">
        <v>12</v>
      </c>
      <c r="D136" s="17"/>
      <c r="E136" s="69">
        <v>5</v>
      </c>
      <c r="F136" s="36">
        <v>0</v>
      </c>
      <c r="G136" s="36">
        <v>0</v>
      </c>
      <c r="H136" s="19" t="s">
        <v>121</v>
      </c>
    </row>
    <row r="137" spans="1:8" x14ac:dyDescent="0.15">
      <c r="B137" s="26" t="s">
        <v>114</v>
      </c>
      <c r="C137" s="17" t="s">
        <v>12</v>
      </c>
      <c r="D137" s="17"/>
      <c r="E137" s="69">
        <v>2</v>
      </c>
      <c r="F137" s="36">
        <v>0</v>
      </c>
      <c r="G137" s="36">
        <v>0</v>
      </c>
      <c r="H137" s="19" t="s">
        <v>121</v>
      </c>
    </row>
    <row r="138" spans="1:8" x14ac:dyDescent="0.15">
      <c r="B138" s="26" t="s">
        <v>15</v>
      </c>
      <c r="C138" s="17" t="s">
        <v>12</v>
      </c>
      <c r="D138" s="17"/>
      <c r="E138" s="69">
        <v>2</v>
      </c>
      <c r="F138" s="36">
        <v>0</v>
      </c>
      <c r="G138" s="36">
        <v>0</v>
      </c>
      <c r="H138" s="19" t="s">
        <v>121</v>
      </c>
    </row>
    <row r="139" spans="1:8" x14ac:dyDescent="0.15">
      <c r="B139" s="26" t="s">
        <v>17</v>
      </c>
      <c r="C139" s="17" t="s">
        <v>12</v>
      </c>
      <c r="D139" s="17"/>
      <c r="E139" s="69">
        <v>14</v>
      </c>
      <c r="F139" s="36">
        <v>0</v>
      </c>
      <c r="G139" s="36">
        <v>0</v>
      </c>
      <c r="H139" s="19" t="s">
        <v>121</v>
      </c>
    </row>
    <row r="140" spans="1:8" x14ac:dyDescent="0.15">
      <c r="B140" s="26" t="s">
        <v>115</v>
      </c>
      <c r="C140" s="17" t="s">
        <v>12</v>
      </c>
      <c r="D140" s="17"/>
      <c r="E140" s="69">
        <v>16</v>
      </c>
      <c r="F140" s="36">
        <v>0</v>
      </c>
      <c r="G140" s="36">
        <v>1</v>
      </c>
      <c r="H140" s="19">
        <v>0.06</v>
      </c>
    </row>
    <row r="141" spans="1:8" x14ac:dyDescent="0.15">
      <c r="B141" s="26" t="s">
        <v>116</v>
      </c>
      <c r="C141" s="17" t="s">
        <v>12</v>
      </c>
      <c r="D141" s="17"/>
      <c r="E141" s="69">
        <v>11</v>
      </c>
      <c r="F141" s="36">
        <v>0</v>
      </c>
      <c r="G141" s="36">
        <v>0</v>
      </c>
      <c r="H141" s="19" t="s">
        <v>121</v>
      </c>
    </row>
    <row r="142" spans="1:8" x14ac:dyDescent="0.15">
      <c r="B142" s="26" t="s">
        <v>117</v>
      </c>
      <c r="C142" s="17" t="s">
        <v>12</v>
      </c>
      <c r="D142" s="17"/>
      <c r="E142" s="69">
        <v>1</v>
      </c>
      <c r="F142" s="36">
        <v>0</v>
      </c>
      <c r="G142" s="36">
        <v>0</v>
      </c>
      <c r="H142" s="19" t="s">
        <v>121</v>
      </c>
    </row>
    <row r="143" spans="1:8" x14ac:dyDescent="0.15">
      <c r="B143" s="26" t="s">
        <v>118</v>
      </c>
      <c r="C143" s="17" t="s">
        <v>12</v>
      </c>
      <c r="D143" s="17"/>
      <c r="E143" s="69">
        <v>13</v>
      </c>
      <c r="F143" s="36">
        <v>0</v>
      </c>
      <c r="G143" s="36">
        <v>0</v>
      </c>
      <c r="H143" s="19" t="s">
        <v>121</v>
      </c>
    </row>
    <row r="144" spans="1:8" x14ac:dyDescent="0.15">
      <c r="B144" s="26" t="s">
        <v>26</v>
      </c>
      <c r="C144" s="17" t="s">
        <v>12</v>
      </c>
      <c r="D144" s="17"/>
      <c r="E144" s="69">
        <v>7</v>
      </c>
      <c r="F144" s="36">
        <v>0</v>
      </c>
      <c r="G144" s="36">
        <v>1</v>
      </c>
      <c r="H144" s="19">
        <v>0.14000000000000001</v>
      </c>
    </row>
    <row r="145" spans="2:8" x14ac:dyDescent="0.15">
      <c r="B145" s="26" t="s">
        <v>119</v>
      </c>
      <c r="C145" s="17" t="s">
        <v>12</v>
      </c>
      <c r="D145" s="17"/>
      <c r="E145" s="69">
        <v>3</v>
      </c>
      <c r="F145" s="36">
        <v>0</v>
      </c>
      <c r="G145" s="36">
        <v>0</v>
      </c>
      <c r="H145" s="19" t="s">
        <v>121</v>
      </c>
    </row>
    <row r="146" spans="2:8" x14ac:dyDescent="0.15">
      <c r="B146" s="26" t="s">
        <v>24</v>
      </c>
      <c r="C146" s="17" t="s">
        <v>12</v>
      </c>
      <c r="D146" s="17"/>
      <c r="E146" s="69">
        <v>8</v>
      </c>
      <c r="F146" s="36">
        <v>0</v>
      </c>
      <c r="G146" s="36">
        <v>0</v>
      </c>
      <c r="H146" s="19" t="s">
        <v>121</v>
      </c>
    </row>
    <row r="147" spans="2:8" x14ac:dyDescent="0.15">
      <c r="B147" s="26" t="s">
        <v>120</v>
      </c>
      <c r="C147" s="17" t="s">
        <v>12</v>
      </c>
      <c r="D147" s="17"/>
      <c r="E147" s="69">
        <v>12</v>
      </c>
      <c r="F147" s="36">
        <v>0</v>
      </c>
      <c r="G147" s="36">
        <v>1</v>
      </c>
      <c r="H147" s="19">
        <v>0.08</v>
      </c>
    </row>
    <row r="148" spans="2:8" x14ac:dyDescent="0.15">
      <c r="B148" s="53" t="s">
        <v>20</v>
      </c>
      <c r="C148" s="70" t="s">
        <v>12</v>
      </c>
      <c r="D148" s="70"/>
      <c r="E148" s="71">
        <v>13</v>
      </c>
      <c r="F148" s="45">
        <v>0</v>
      </c>
      <c r="G148" s="45">
        <v>0</v>
      </c>
      <c r="H148" s="46" t="s">
        <v>121</v>
      </c>
    </row>
    <row r="149" spans="2:8" x14ac:dyDescent="0.15">
      <c r="B149" s="75" t="s">
        <v>32</v>
      </c>
      <c r="C149" s="76"/>
      <c r="D149" s="77"/>
      <c r="E149" s="56">
        <v>124</v>
      </c>
      <c r="F149" s="56">
        <v>0</v>
      </c>
      <c r="G149" s="56">
        <v>3</v>
      </c>
      <c r="H149" s="57">
        <v>0.02</v>
      </c>
    </row>
    <row r="150" spans="2:8" ht="6" customHeight="1" x14ac:dyDescent="0.15">
      <c r="E150" s="72"/>
      <c r="F150" s="23"/>
      <c r="G150" s="23"/>
      <c r="H150" s="73"/>
    </row>
    <row r="151" spans="2:8" x14ac:dyDescent="0.15">
      <c r="B151" s="81" t="s">
        <v>108</v>
      </c>
      <c r="C151" s="81"/>
      <c r="D151" s="81"/>
      <c r="E151" s="81"/>
      <c r="F151" s="81"/>
      <c r="G151" s="81"/>
      <c r="H151" s="81"/>
    </row>
    <row r="152" spans="2:8" x14ac:dyDescent="0.15">
      <c r="B152" s="74"/>
    </row>
  </sheetData>
  <mergeCells count="12">
    <mergeCell ref="B151:H151"/>
    <mergeCell ref="A1:G1"/>
    <mergeCell ref="B27:D27"/>
    <mergeCell ref="B36:D36"/>
    <mergeCell ref="B73:D73"/>
    <mergeCell ref="B84:D84"/>
    <mergeCell ref="B92:D92"/>
    <mergeCell ref="B106:D106"/>
    <mergeCell ref="B121:D121"/>
    <mergeCell ref="B127:D127"/>
    <mergeCell ref="B129:H129"/>
    <mergeCell ref="B149:D149"/>
  </mergeCells>
  <phoneticPr fontId="2"/>
  <printOptions horizontalCentered="1"/>
  <pageMargins left="0.39370078740157483" right="0.39370078740157483" top="0.39370078740157483" bottom="0.39370078740157483" header="0.27559055118110237" footer="0.19685039370078741"/>
  <pageSetup paperSize="9" scale="79" fitToHeight="0" orientation="portrait" r:id="rId1"/>
  <headerFooter alignWithMargins="0">
    <oddFooter>&amp;C&amp;P</oddFooter>
  </headerFooter>
  <rowBreaks count="2" manualBreakCount="2">
    <brk id="73" max="8" man="1"/>
    <brk id="129" max="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3-04T08:29:09Z</cp:lastPrinted>
  <dcterms:created xsi:type="dcterms:W3CDTF">2026-03-04T08:27:03Z</dcterms:created>
  <dcterms:modified xsi:type="dcterms:W3CDTF">2026-03-04T08:29:25Z</dcterms:modified>
</cp:coreProperties>
</file>